
<file path=[Content_Types].xml><?xml version="1.0" encoding="utf-8"?>
<Types xmlns="http://schemas.openxmlformats.org/package/2006/content-types">
  <Default Extension="emf" ContentType="image/x-emf"/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xlsx" ContentType="application/vnd.openxmlformats-officedocument.spreadsheetml.sheet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heme/themeOverride1.xml" ContentType="application/vnd.openxmlformats-officedocument.themeOverr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heme/themeOverride2.xml" ContentType="application/vnd.openxmlformats-officedocument.themeOverrid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theme/themeOverride3.xml" ContentType="application/vnd.openxmlformats-officedocument.themeOverride+xml"/>
  <Override PartName="/ppt/notesSlides/notesSlide10.xml" ContentType="application/vnd.openxmlformats-officedocument.presentationml.notesSlid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theme/themeOverride4.xml" ContentType="application/vnd.openxmlformats-officedocument.themeOverride+xml"/>
  <Override PartName="/ppt/charts/chart5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ppt/theme/themeOverride5.xml" ContentType="application/vnd.openxmlformats-officedocument.themeOverr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42"/>
  </p:notesMasterIdLst>
  <p:sldIdLst>
    <p:sldId id="277" r:id="rId5"/>
    <p:sldId id="1994" r:id="rId6"/>
    <p:sldId id="366" r:id="rId7"/>
    <p:sldId id="2042" r:id="rId8"/>
    <p:sldId id="516" r:id="rId9"/>
    <p:sldId id="2298" r:id="rId10"/>
    <p:sldId id="5403" r:id="rId11"/>
    <p:sldId id="2040" r:id="rId12"/>
    <p:sldId id="2286" r:id="rId13"/>
    <p:sldId id="2260" r:id="rId14"/>
    <p:sldId id="5402" r:id="rId15"/>
    <p:sldId id="5404" r:id="rId16"/>
    <p:sldId id="2296" r:id="rId17"/>
    <p:sldId id="2294" r:id="rId18"/>
    <p:sldId id="2295" r:id="rId19"/>
    <p:sldId id="5410" r:id="rId20"/>
    <p:sldId id="5411" r:id="rId21"/>
    <p:sldId id="5412" r:id="rId22"/>
    <p:sldId id="5405" r:id="rId23"/>
    <p:sldId id="5406" r:id="rId24"/>
    <p:sldId id="5407" r:id="rId25"/>
    <p:sldId id="5413" r:id="rId26"/>
    <p:sldId id="2122" r:id="rId27"/>
    <p:sldId id="2235" r:id="rId28"/>
    <p:sldId id="2117" r:id="rId29"/>
    <p:sldId id="5408" r:id="rId30"/>
    <p:sldId id="268" r:id="rId31"/>
    <p:sldId id="2257" r:id="rId32"/>
    <p:sldId id="575" r:id="rId33"/>
    <p:sldId id="2236" r:id="rId34"/>
    <p:sldId id="2121" r:id="rId35"/>
    <p:sldId id="2234" r:id="rId36"/>
    <p:sldId id="2044" r:id="rId37"/>
    <p:sldId id="1894" r:id="rId38"/>
    <p:sldId id="2299" r:id="rId39"/>
    <p:sldId id="2300" r:id="rId40"/>
    <p:sldId id="2261" r:id="rId4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1CDBB32C-B9C0-B5D7-6D56-B522CE207608}" name="Alexander Gottberg" initials="AG" userId="S::gottberg@triumf.ca::78061ade-8422-47e0-b8e9-57f3b70c64a8" providerId="AD"/>
  <p188:author id="{18D81DD2-4A90-B5C4-3276-6BFDE97E44EB}" name="Peter" initials="P" userId="S::pbayliss@triumf.ca::43eef4c7-5d26-4e8a-b1a1-5e57647ace7b" providerId="AD"/>
  <p188:author id="{7AD025F0-35F1-2AFF-0A70-9AB6B91CC98F}" name="Oliver Kester" initials="OK" userId="S::okester@triumf.ca::b69a5804-67a3-46bb-93da-bc22b030f818" providerId="AD"/>
</p188:authorLst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Oliver Kester" initials="OK" lastIdx="4" clrIdx="0">
    <p:extLst>
      <p:ext uri="{19B8F6BF-5375-455C-9EA6-DF929625EA0E}">
        <p15:presenceInfo xmlns:p15="http://schemas.microsoft.com/office/powerpoint/2012/main" userId="S::okester@triumf.ca::b69a5804-67a3-46bb-93da-bc22b030f818" providerId="AD"/>
      </p:ext>
    </p:extLst>
  </p:cmAuthor>
  <p:cmAuthor id="2" name="Bob Laxdal" initials="BL" lastIdx="2" clrIdx="1">
    <p:extLst>
      <p:ext uri="{19B8F6BF-5375-455C-9EA6-DF929625EA0E}">
        <p15:presenceInfo xmlns:p15="http://schemas.microsoft.com/office/powerpoint/2012/main" userId="Bob Laxdal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99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92B5DE1F-26A6-914E-97B9-BCB7AD2E4D19}" v="8511" dt="2024-05-24T04:42:34.942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C083E6E3-FA7D-4D7B-A595-EF9225AFEA82}" styleName="Light Style 1 - Accent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7407"/>
    <p:restoredTop sz="93475"/>
  </p:normalViewPr>
  <p:slideViewPr>
    <p:cSldViewPr snapToGrid="0">
      <p:cViewPr varScale="1">
        <p:scale>
          <a:sx n="102" d="100"/>
          <a:sy n="102" d="100"/>
        </p:scale>
        <p:origin x="216" y="17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80" d="100"/>
        <a:sy n="80" d="100"/>
      </p:scale>
      <p:origin x="0" y="0"/>
    </p:cViewPr>
  </p:sorter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slide" Target="slides/slide35.xml"/><Relationship Id="rId21" Type="http://schemas.openxmlformats.org/officeDocument/2006/relationships/slide" Target="slides/slide17.xml"/><Relationship Id="rId34" Type="http://schemas.openxmlformats.org/officeDocument/2006/relationships/slide" Target="slides/slide30.xml"/><Relationship Id="rId42" Type="http://schemas.openxmlformats.org/officeDocument/2006/relationships/notesMaster" Target="notesMasters/notesMaster1.xml"/><Relationship Id="rId47" Type="http://schemas.openxmlformats.org/officeDocument/2006/relationships/tableStyles" Target="tableStyles.xml"/><Relationship Id="rId50" Type="http://schemas.microsoft.com/office/2018/10/relationships/authors" Target="authors.xml"/><Relationship Id="rId7" Type="http://schemas.openxmlformats.org/officeDocument/2006/relationships/slide" Target="slides/slide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9" Type="http://schemas.openxmlformats.org/officeDocument/2006/relationships/slide" Target="slides/slide25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slide" Target="slides/slide28.xml"/><Relationship Id="rId37" Type="http://schemas.openxmlformats.org/officeDocument/2006/relationships/slide" Target="slides/slide33.xml"/><Relationship Id="rId40" Type="http://schemas.openxmlformats.org/officeDocument/2006/relationships/slide" Target="slides/slide36.xml"/><Relationship Id="rId45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slide" Target="slides/slide32.xml"/><Relationship Id="rId49" Type="http://schemas.microsoft.com/office/2015/10/relationships/revisionInfo" Target="revisionInfo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4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slide" Target="slides/slide31.xml"/><Relationship Id="rId43" Type="http://schemas.openxmlformats.org/officeDocument/2006/relationships/commentAuthors" Target="commentAuthors.xml"/><Relationship Id="rId48" Type="http://schemas.microsoft.com/office/2016/11/relationships/changesInfo" Target="changesInfos/changesInfo1.xml"/><Relationship Id="rId8" Type="http://schemas.openxmlformats.org/officeDocument/2006/relationships/slide" Target="slides/slide4.xml"/><Relationship Id="rId3" Type="http://schemas.openxmlformats.org/officeDocument/2006/relationships/customXml" Target="../customXml/item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slide" Target="slides/slide29.xml"/><Relationship Id="rId38" Type="http://schemas.openxmlformats.org/officeDocument/2006/relationships/slide" Target="slides/slide34.xml"/><Relationship Id="rId46" Type="http://schemas.openxmlformats.org/officeDocument/2006/relationships/theme" Target="theme/theme1.xml"/><Relationship Id="rId20" Type="http://schemas.openxmlformats.org/officeDocument/2006/relationships/slide" Target="slides/slide16.xml"/><Relationship Id="rId41" Type="http://schemas.openxmlformats.org/officeDocument/2006/relationships/slide" Target="slides/slide37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lexander Gottberg" userId="78061ade-8422-47e0-b8e9-57f3b70c64a8" providerId="ADAL" clId="{92B5DE1F-26A6-914E-97B9-BCB7AD2E4D19}"/>
    <pc:docChg chg="undo custSel addSld delSld modSld sldOrd modMainMaster">
      <pc:chgData name="Alexander Gottberg" userId="78061ade-8422-47e0-b8e9-57f3b70c64a8" providerId="ADAL" clId="{92B5DE1F-26A6-914E-97B9-BCB7AD2E4D19}" dt="2024-05-24T04:45:15.518" v="10689" actId="20577"/>
      <pc:docMkLst>
        <pc:docMk/>
      </pc:docMkLst>
      <pc:sldChg chg="del">
        <pc:chgData name="Alexander Gottberg" userId="78061ade-8422-47e0-b8e9-57f3b70c64a8" providerId="ADAL" clId="{92B5DE1F-26A6-914E-97B9-BCB7AD2E4D19}" dt="2024-05-23T15:42:46.794" v="185" actId="2696"/>
        <pc:sldMkLst>
          <pc:docMk/>
          <pc:sldMk cId="3907698584" sldId="259"/>
        </pc:sldMkLst>
      </pc:sldChg>
      <pc:sldChg chg="modSp mod">
        <pc:chgData name="Alexander Gottberg" userId="78061ade-8422-47e0-b8e9-57f3b70c64a8" providerId="ADAL" clId="{92B5DE1F-26A6-914E-97B9-BCB7AD2E4D19}" dt="2024-05-23T20:45:49.082" v="3549" actId="404"/>
        <pc:sldMkLst>
          <pc:docMk/>
          <pc:sldMk cId="242708350" sldId="277"/>
        </pc:sldMkLst>
        <pc:spChg chg="mod">
          <ac:chgData name="Alexander Gottberg" userId="78061ade-8422-47e0-b8e9-57f3b70c64a8" providerId="ADAL" clId="{92B5DE1F-26A6-914E-97B9-BCB7AD2E4D19}" dt="2024-05-23T20:44:43.637" v="3431" actId="20577"/>
          <ac:spMkLst>
            <pc:docMk/>
            <pc:sldMk cId="242708350" sldId="277"/>
            <ac:spMk id="2" creationId="{00000000-0000-0000-0000-000000000000}"/>
          </ac:spMkLst>
        </pc:spChg>
        <pc:spChg chg="mod">
          <ac:chgData name="Alexander Gottberg" userId="78061ade-8422-47e0-b8e9-57f3b70c64a8" providerId="ADAL" clId="{92B5DE1F-26A6-914E-97B9-BCB7AD2E4D19}" dt="2024-05-23T20:45:49.082" v="3549" actId="404"/>
          <ac:spMkLst>
            <pc:docMk/>
            <pc:sldMk cId="242708350" sldId="277"/>
            <ac:spMk id="3" creationId="{161574F2-FF7C-F4B8-A5EB-56F7CF9CFEE8}"/>
          </ac:spMkLst>
        </pc:spChg>
        <pc:spChg chg="mod">
          <ac:chgData name="Alexander Gottberg" userId="78061ade-8422-47e0-b8e9-57f3b70c64a8" providerId="ADAL" clId="{92B5DE1F-26A6-914E-97B9-BCB7AD2E4D19}" dt="2024-05-23T20:44:49.465" v="3433" actId="20577"/>
          <ac:spMkLst>
            <pc:docMk/>
            <pc:sldMk cId="242708350" sldId="277"/>
            <ac:spMk id="6" creationId="{40AA4ACF-EBF7-443D-9629-9044A0B8D2B4}"/>
          </ac:spMkLst>
        </pc:spChg>
      </pc:sldChg>
      <pc:sldChg chg="delSp modSp add mod">
        <pc:chgData name="Alexander Gottberg" userId="78061ade-8422-47e0-b8e9-57f3b70c64a8" providerId="ADAL" clId="{92B5DE1F-26A6-914E-97B9-BCB7AD2E4D19}" dt="2024-05-24T04:09:16.749" v="8842" actId="20577"/>
        <pc:sldMkLst>
          <pc:docMk/>
          <pc:sldMk cId="3345592584" sldId="516"/>
        </pc:sldMkLst>
        <pc:spChg chg="mod">
          <ac:chgData name="Alexander Gottberg" userId="78061ade-8422-47e0-b8e9-57f3b70c64a8" providerId="ADAL" clId="{92B5DE1F-26A6-914E-97B9-BCB7AD2E4D19}" dt="2024-05-23T17:38:36.643" v="2963" actId="20577"/>
          <ac:spMkLst>
            <pc:docMk/>
            <pc:sldMk cId="3345592584" sldId="516"/>
            <ac:spMk id="8" creationId="{ABA9AE65-14DC-6F40-8F6F-D0DBB0FCA339}"/>
          </ac:spMkLst>
        </pc:spChg>
        <pc:spChg chg="mod">
          <ac:chgData name="Alexander Gottberg" userId="78061ade-8422-47e0-b8e9-57f3b70c64a8" providerId="ADAL" clId="{92B5DE1F-26A6-914E-97B9-BCB7AD2E4D19}" dt="2024-05-24T04:09:16.749" v="8842" actId="20577"/>
          <ac:spMkLst>
            <pc:docMk/>
            <pc:sldMk cId="3345592584" sldId="516"/>
            <ac:spMk id="9" creationId="{0B8C0842-4B32-576C-EF50-653DF6EF6C21}"/>
          </ac:spMkLst>
        </pc:spChg>
        <pc:spChg chg="del">
          <ac:chgData name="Alexander Gottberg" userId="78061ade-8422-47e0-b8e9-57f3b70c64a8" providerId="ADAL" clId="{92B5DE1F-26A6-914E-97B9-BCB7AD2E4D19}" dt="2024-05-23T17:41:13.656" v="3035" actId="478"/>
          <ac:spMkLst>
            <pc:docMk/>
            <pc:sldMk cId="3345592584" sldId="516"/>
            <ac:spMk id="13" creationId="{622B706C-E2B9-CDB3-1083-7E09B6FF0805}"/>
          </ac:spMkLst>
        </pc:spChg>
      </pc:sldChg>
      <pc:sldChg chg="add ord">
        <pc:chgData name="Alexander Gottberg" userId="78061ade-8422-47e0-b8e9-57f3b70c64a8" providerId="ADAL" clId="{92B5DE1F-26A6-914E-97B9-BCB7AD2E4D19}" dt="2024-05-23T22:43:45.102" v="8622" actId="20578"/>
        <pc:sldMkLst>
          <pc:docMk/>
          <pc:sldMk cId="327129945" sldId="575"/>
        </pc:sldMkLst>
      </pc:sldChg>
      <pc:sldChg chg="add del">
        <pc:chgData name="Alexander Gottberg" userId="78061ade-8422-47e0-b8e9-57f3b70c64a8" providerId="ADAL" clId="{92B5DE1F-26A6-914E-97B9-BCB7AD2E4D19}" dt="2024-05-23T17:54:35.077" v="3039" actId="2696"/>
        <pc:sldMkLst>
          <pc:docMk/>
          <pc:sldMk cId="2027559043" sldId="575"/>
        </pc:sldMkLst>
      </pc:sldChg>
      <pc:sldChg chg="add ord">
        <pc:chgData name="Alexander Gottberg" userId="78061ade-8422-47e0-b8e9-57f3b70c64a8" providerId="ADAL" clId="{92B5DE1F-26A6-914E-97B9-BCB7AD2E4D19}" dt="2024-05-23T22:43:45.102" v="8622" actId="20578"/>
        <pc:sldMkLst>
          <pc:docMk/>
          <pc:sldMk cId="1009890521" sldId="2044"/>
        </pc:sldMkLst>
      </pc:sldChg>
      <pc:sldChg chg="add del">
        <pc:chgData name="Alexander Gottberg" userId="78061ade-8422-47e0-b8e9-57f3b70c64a8" providerId="ADAL" clId="{92B5DE1F-26A6-914E-97B9-BCB7AD2E4D19}" dt="2024-05-23T17:54:35.077" v="3039" actId="2696"/>
        <pc:sldMkLst>
          <pc:docMk/>
          <pc:sldMk cId="2678050077" sldId="2044"/>
        </pc:sldMkLst>
      </pc:sldChg>
      <pc:sldChg chg="addSp delSp modSp add mod ord delAnim modAnim">
        <pc:chgData name="Alexander Gottberg" userId="78061ade-8422-47e0-b8e9-57f3b70c64a8" providerId="ADAL" clId="{92B5DE1F-26A6-914E-97B9-BCB7AD2E4D19}" dt="2024-05-24T04:42:43.146" v="10581" actId="478"/>
        <pc:sldMkLst>
          <pc:docMk/>
          <pc:sldMk cId="339312153" sldId="2117"/>
        </pc:sldMkLst>
        <pc:spChg chg="add mod">
          <ac:chgData name="Alexander Gottberg" userId="78061ade-8422-47e0-b8e9-57f3b70c64a8" providerId="ADAL" clId="{92B5DE1F-26A6-914E-97B9-BCB7AD2E4D19}" dt="2024-05-23T22:48:04.244" v="8817" actId="1035"/>
          <ac:spMkLst>
            <pc:docMk/>
            <pc:sldMk cId="339312153" sldId="2117"/>
            <ac:spMk id="3" creationId="{B77DD5C0-2A71-3E83-10CF-5EFD2F77901A}"/>
          </ac:spMkLst>
        </pc:spChg>
        <pc:spChg chg="mod">
          <ac:chgData name="Alexander Gottberg" userId="78061ade-8422-47e0-b8e9-57f3b70c64a8" providerId="ADAL" clId="{92B5DE1F-26A6-914E-97B9-BCB7AD2E4D19}" dt="2024-05-23T22:45:01.855" v="8624" actId="1076"/>
          <ac:spMkLst>
            <pc:docMk/>
            <pc:sldMk cId="339312153" sldId="2117"/>
            <ac:spMk id="4" creationId="{7526E946-559A-BE01-3A38-7EA1512FEE09}"/>
          </ac:spMkLst>
        </pc:spChg>
        <pc:spChg chg="add del mod">
          <ac:chgData name="Alexander Gottberg" userId="78061ade-8422-47e0-b8e9-57f3b70c64a8" providerId="ADAL" clId="{92B5DE1F-26A6-914E-97B9-BCB7AD2E4D19}" dt="2024-05-24T04:42:43.146" v="10581" actId="478"/>
          <ac:spMkLst>
            <pc:docMk/>
            <pc:sldMk cId="339312153" sldId="2117"/>
            <ac:spMk id="5" creationId="{F9ADBA02-358C-B82F-26F4-37C9FB0C139D}"/>
          </ac:spMkLst>
        </pc:spChg>
        <pc:spChg chg="del">
          <ac:chgData name="Alexander Gottberg" userId="78061ade-8422-47e0-b8e9-57f3b70c64a8" providerId="ADAL" clId="{92B5DE1F-26A6-914E-97B9-BCB7AD2E4D19}" dt="2024-05-23T17:54:57.749" v="3041" actId="478"/>
          <ac:spMkLst>
            <pc:docMk/>
            <pc:sldMk cId="339312153" sldId="2117"/>
            <ac:spMk id="7" creationId="{4692DF0A-AE8E-44BB-6E17-CAB7F58BA01B}"/>
          </ac:spMkLst>
        </pc:spChg>
        <pc:spChg chg="mod">
          <ac:chgData name="Alexander Gottberg" userId="78061ade-8422-47e0-b8e9-57f3b70c64a8" providerId="ADAL" clId="{92B5DE1F-26A6-914E-97B9-BCB7AD2E4D19}" dt="2024-05-23T22:45:01.855" v="8624" actId="1076"/>
          <ac:spMkLst>
            <pc:docMk/>
            <pc:sldMk cId="339312153" sldId="2117"/>
            <ac:spMk id="8" creationId="{8DA00EC7-4570-4A6C-331D-3E3A390D32D9}"/>
          </ac:spMkLst>
        </pc:spChg>
        <pc:spChg chg="mod">
          <ac:chgData name="Alexander Gottberg" userId="78061ade-8422-47e0-b8e9-57f3b70c64a8" providerId="ADAL" clId="{92B5DE1F-26A6-914E-97B9-BCB7AD2E4D19}" dt="2024-05-23T22:45:01.855" v="8624" actId="1076"/>
          <ac:spMkLst>
            <pc:docMk/>
            <pc:sldMk cId="339312153" sldId="2117"/>
            <ac:spMk id="9" creationId="{9D577296-4834-86E3-980B-66EA75502C76}"/>
          </ac:spMkLst>
        </pc:spChg>
        <pc:spChg chg="mod">
          <ac:chgData name="Alexander Gottberg" userId="78061ade-8422-47e0-b8e9-57f3b70c64a8" providerId="ADAL" clId="{92B5DE1F-26A6-914E-97B9-BCB7AD2E4D19}" dt="2024-05-23T22:45:01.855" v="8624" actId="1076"/>
          <ac:spMkLst>
            <pc:docMk/>
            <pc:sldMk cId="339312153" sldId="2117"/>
            <ac:spMk id="10" creationId="{021FFC03-9689-C924-C849-67CB6D2EA9DF}"/>
          </ac:spMkLst>
        </pc:spChg>
        <pc:spChg chg="mod">
          <ac:chgData name="Alexander Gottberg" userId="78061ade-8422-47e0-b8e9-57f3b70c64a8" providerId="ADAL" clId="{92B5DE1F-26A6-914E-97B9-BCB7AD2E4D19}" dt="2024-05-23T22:45:01.855" v="8624" actId="1076"/>
          <ac:spMkLst>
            <pc:docMk/>
            <pc:sldMk cId="339312153" sldId="2117"/>
            <ac:spMk id="14" creationId="{30EA5B11-D045-25EF-5238-1D3D8FCD2F06}"/>
          </ac:spMkLst>
        </pc:spChg>
        <pc:picChg chg="mod">
          <ac:chgData name="Alexander Gottberg" userId="78061ade-8422-47e0-b8e9-57f3b70c64a8" providerId="ADAL" clId="{92B5DE1F-26A6-914E-97B9-BCB7AD2E4D19}" dt="2024-05-23T22:45:01.855" v="8624" actId="1076"/>
          <ac:picMkLst>
            <pc:docMk/>
            <pc:sldMk cId="339312153" sldId="2117"/>
            <ac:picMk id="22" creationId="{2A2B9E58-2B77-9F98-161B-3F085644FF83}"/>
          </ac:picMkLst>
        </pc:picChg>
        <pc:picChg chg="mod">
          <ac:chgData name="Alexander Gottberg" userId="78061ade-8422-47e0-b8e9-57f3b70c64a8" providerId="ADAL" clId="{92B5DE1F-26A6-914E-97B9-BCB7AD2E4D19}" dt="2024-05-23T22:45:01.855" v="8624" actId="1076"/>
          <ac:picMkLst>
            <pc:docMk/>
            <pc:sldMk cId="339312153" sldId="2117"/>
            <ac:picMk id="23" creationId="{5061984C-1232-EE8D-4E16-1B836EB2BE58}"/>
          </ac:picMkLst>
        </pc:picChg>
        <pc:cxnChg chg="mod">
          <ac:chgData name="Alexander Gottberg" userId="78061ade-8422-47e0-b8e9-57f3b70c64a8" providerId="ADAL" clId="{92B5DE1F-26A6-914E-97B9-BCB7AD2E4D19}" dt="2024-05-23T22:45:01.855" v="8624" actId="1076"/>
          <ac:cxnSpMkLst>
            <pc:docMk/>
            <pc:sldMk cId="339312153" sldId="2117"/>
            <ac:cxnSpMk id="12" creationId="{28139513-1B54-F3B5-B21B-5EFD64DDE0B7}"/>
          </ac:cxnSpMkLst>
        </pc:cxnChg>
      </pc:sldChg>
      <pc:sldChg chg="add del">
        <pc:chgData name="Alexander Gottberg" userId="78061ade-8422-47e0-b8e9-57f3b70c64a8" providerId="ADAL" clId="{92B5DE1F-26A6-914E-97B9-BCB7AD2E4D19}" dt="2024-05-23T17:54:35.077" v="3039" actId="2696"/>
        <pc:sldMkLst>
          <pc:docMk/>
          <pc:sldMk cId="682824332" sldId="2117"/>
        </pc:sldMkLst>
      </pc:sldChg>
      <pc:sldChg chg="add del">
        <pc:chgData name="Alexander Gottberg" userId="78061ade-8422-47e0-b8e9-57f3b70c64a8" providerId="ADAL" clId="{92B5DE1F-26A6-914E-97B9-BCB7AD2E4D19}" dt="2024-05-23T17:54:35.077" v="3039" actId="2696"/>
        <pc:sldMkLst>
          <pc:docMk/>
          <pc:sldMk cId="2733824780" sldId="2121"/>
        </pc:sldMkLst>
      </pc:sldChg>
      <pc:sldChg chg="add ord">
        <pc:chgData name="Alexander Gottberg" userId="78061ade-8422-47e0-b8e9-57f3b70c64a8" providerId="ADAL" clId="{92B5DE1F-26A6-914E-97B9-BCB7AD2E4D19}" dt="2024-05-23T22:43:45.102" v="8622" actId="20578"/>
        <pc:sldMkLst>
          <pc:docMk/>
          <pc:sldMk cId="4227180357" sldId="2121"/>
        </pc:sldMkLst>
      </pc:sldChg>
      <pc:sldChg chg="add ord">
        <pc:chgData name="Alexander Gottberg" userId="78061ade-8422-47e0-b8e9-57f3b70c64a8" providerId="ADAL" clId="{92B5DE1F-26A6-914E-97B9-BCB7AD2E4D19}" dt="2024-05-23T22:44:04.873" v="8623" actId="20578"/>
        <pc:sldMkLst>
          <pc:docMk/>
          <pc:sldMk cId="1630576149" sldId="2122"/>
        </pc:sldMkLst>
      </pc:sldChg>
      <pc:sldChg chg="add del">
        <pc:chgData name="Alexander Gottberg" userId="78061ade-8422-47e0-b8e9-57f3b70c64a8" providerId="ADAL" clId="{92B5DE1F-26A6-914E-97B9-BCB7AD2E4D19}" dt="2024-05-23T17:54:35.077" v="3039" actId="2696"/>
        <pc:sldMkLst>
          <pc:docMk/>
          <pc:sldMk cId="2687525683" sldId="2122"/>
        </pc:sldMkLst>
      </pc:sldChg>
      <pc:sldChg chg="add ord">
        <pc:chgData name="Alexander Gottberg" userId="78061ade-8422-47e0-b8e9-57f3b70c64a8" providerId="ADAL" clId="{92B5DE1F-26A6-914E-97B9-BCB7AD2E4D19}" dt="2024-05-23T22:43:45.102" v="8622" actId="20578"/>
        <pc:sldMkLst>
          <pc:docMk/>
          <pc:sldMk cId="2833249076" sldId="2234"/>
        </pc:sldMkLst>
      </pc:sldChg>
      <pc:sldChg chg="add del">
        <pc:chgData name="Alexander Gottberg" userId="78061ade-8422-47e0-b8e9-57f3b70c64a8" providerId="ADAL" clId="{92B5DE1F-26A6-914E-97B9-BCB7AD2E4D19}" dt="2024-05-23T17:54:35.077" v="3039" actId="2696"/>
        <pc:sldMkLst>
          <pc:docMk/>
          <pc:sldMk cId="3830272426" sldId="2234"/>
        </pc:sldMkLst>
      </pc:sldChg>
      <pc:sldChg chg="add ord">
        <pc:chgData name="Alexander Gottberg" userId="78061ade-8422-47e0-b8e9-57f3b70c64a8" providerId="ADAL" clId="{92B5DE1F-26A6-914E-97B9-BCB7AD2E4D19}" dt="2024-05-23T22:43:33.189" v="8621" actId="20578"/>
        <pc:sldMkLst>
          <pc:docMk/>
          <pc:sldMk cId="1404556536" sldId="2235"/>
        </pc:sldMkLst>
      </pc:sldChg>
      <pc:sldChg chg="add del">
        <pc:chgData name="Alexander Gottberg" userId="78061ade-8422-47e0-b8e9-57f3b70c64a8" providerId="ADAL" clId="{92B5DE1F-26A6-914E-97B9-BCB7AD2E4D19}" dt="2024-05-23T17:54:35.077" v="3039" actId="2696"/>
        <pc:sldMkLst>
          <pc:docMk/>
          <pc:sldMk cId="3070443340" sldId="2235"/>
        </pc:sldMkLst>
      </pc:sldChg>
      <pc:sldChg chg="add del">
        <pc:chgData name="Alexander Gottberg" userId="78061ade-8422-47e0-b8e9-57f3b70c64a8" providerId="ADAL" clId="{92B5DE1F-26A6-914E-97B9-BCB7AD2E4D19}" dt="2024-05-23T17:54:35.077" v="3039" actId="2696"/>
        <pc:sldMkLst>
          <pc:docMk/>
          <pc:sldMk cId="825297588" sldId="2236"/>
        </pc:sldMkLst>
      </pc:sldChg>
      <pc:sldChg chg="add ord">
        <pc:chgData name="Alexander Gottberg" userId="78061ade-8422-47e0-b8e9-57f3b70c64a8" providerId="ADAL" clId="{92B5DE1F-26A6-914E-97B9-BCB7AD2E4D19}" dt="2024-05-23T22:43:45.102" v="8622" actId="20578"/>
        <pc:sldMkLst>
          <pc:docMk/>
          <pc:sldMk cId="2953900965" sldId="2236"/>
        </pc:sldMkLst>
      </pc:sldChg>
      <pc:sldChg chg="delSp mod ord">
        <pc:chgData name="Alexander Gottberg" userId="78061ade-8422-47e0-b8e9-57f3b70c64a8" providerId="ADAL" clId="{92B5DE1F-26A6-914E-97B9-BCB7AD2E4D19}" dt="2024-05-24T04:00:51.927" v="8819" actId="20578"/>
        <pc:sldMkLst>
          <pc:docMk/>
          <pc:sldMk cId="526988994" sldId="2257"/>
        </pc:sldMkLst>
        <pc:spChg chg="del">
          <ac:chgData name="Alexander Gottberg" userId="78061ade-8422-47e0-b8e9-57f3b70c64a8" providerId="ADAL" clId="{92B5DE1F-26A6-914E-97B9-BCB7AD2E4D19}" dt="2024-05-23T17:41:26.533" v="3037" actId="478"/>
          <ac:spMkLst>
            <pc:docMk/>
            <pc:sldMk cId="526988994" sldId="2257"/>
            <ac:spMk id="5" creationId="{5965E9F3-C8BE-704D-F36B-D464A26CCA08}"/>
          </ac:spMkLst>
        </pc:spChg>
      </pc:sldChg>
      <pc:sldChg chg="modSp mod ord">
        <pc:chgData name="Alexander Gottberg" userId="78061ade-8422-47e0-b8e9-57f3b70c64a8" providerId="ADAL" clId="{92B5DE1F-26A6-914E-97B9-BCB7AD2E4D19}" dt="2024-05-23T20:47:57.730" v="3638" actId="20578"/>
        <pc:sldMkLst>
          <pc:docMk/>
          <pc:sldMk cId="1882460263" sldId="2260"/>
        </pc:sldMkLst>
        <pc:spChg chg="mod">
          <ac:chgData name="Alexander Gottberg" userId="78061ade-8422-47e0-b8e9-57f3b70c64a8" providerId="ADAL" clId="{92B5DE1F-26A6-914E-97B9-BCB7AD2E4D19}" dt="2024-05-23T20:47:52.389" v="3637" actId="20577"/>
          <ac:spMkLst>
            <pc:docMk/>
            <pc:sldMk cId="1882460263" sldId="2260"/>
            <ac:spMk id="25" creationId="{64268BBC-2D5B-8E91-EC21-367D2B967327}"/>
          </ac:spMkLst>
        </pc:spChg>
      </pc:sldChg>
      <pc:sldChg chg="modSp mod modAnim">
        <pc:chgData name="Alexander Gottberg" userId="78061ade-8422-47e0-b8e9-57f3b70c64a8" providerId="ADAL" clId="{92B5DE1F-26A6-914E-97B9-BCB7AD2E4D19}" dt="2024-05-24T04:10:57.892" v="8919" actId="1036"/>
        <pc:sldMkLst>
          <pc:docMk/>
          <pc:sldMk cId="2784446812" sldId="2286"/>
        </pc:sldMkLst>
        <pc:spChg chg="mod">
          <ac:chgData name="Alexander Gottberg" userId="78061ade-8422-47e0-b8e9-57f3b70c64a8" providerId="ADAL" clId="{92B5DE1F-26A6-914E-97B9-BCB7AD2E4D19}" dt="2024-05-24T04:10:57.892" v="8919" actId="1036"/>
          <ac:spMkLst>
            <pc:docMk/>
            <pc:sldMk cId="2784446812" sldId="2286"/>
            <ac:spMk id="3" creationId="{C5AE92E7-477C-6BF5-9F10-EF49DD012128}"/>
          </ac:spMkLst>
        </pc:spChg>
      </pc:sldChg>
      <pc:sldChg chg="delSp modSp add mod">
        <pc:chgData name="Alexander Gottberg" userId="78061ade-8422-47e0-b8e9-57f3b70c64a8" providerId="ADAL" clId="{92B5DE1F-26A6-914E-97B9-BCB7AD2E4D19}" dt="2024-05-24T04:31:46.889" v="10311" actId="1035"/>
        <pc:sldMkLst>
          <pc:docMk/>
          <pc:sldMk cId="2528023003" sldId="2294"/>
        </pc:sldMkLst>
        <pc:spChg chg="mod">
          <ac:chgData name="Alexander Gottberg" userId="78061ade-8422-47e0-b8e9-57f3b70c64a8" providerId="ADAL" clId="{92B5DE1F-26A6-914E-97B9-BCB7AD2E4D19}" dt="2024-05-23T20:52:24.460" v="3940" actId="20577"/>
          <ac:spMkLst>
            <pc:docMk/>
            <pc:sldMk cId="2528023003" sldId="2294"/>
            <ac:spMk id="2" creationId="{38D3E8E8-3386-DD1B-66FA-9F4EF705B9A2}"/>
          </ac:spMkLst>
        </pc:spChg>
        <pc:spChg chg="mod">
          <ac:chgData name="Alexander Gottberg" userId="78061ade-8422-47e0-b8e9-57f3b70c64a8" providerId="ADAL" clId="{92B5DE1F-26A6-914E-97B9-BCB7AD2E4D19}" dt="2024-05-24T04:31:46.889" v="10311" actId="1035"/>
          <ac:spMkLst>
            <pc:docMk/>
            <pc:sldMk cId="2528023003" sldId="2294"/>
            <ac:spMk id="3" creationId="{652A553D-3BB5-E64E-EE32-9D95E3D7B5C0}"/>
          </ac:spMkLst>
        </pc:spChg>
        <pc:spChg chg="del">
          <ac:chgData name="Alexander Gottberg" userId="78061ade-8422-47e0-b8e9-57f3b70c64a8" providerId="ADAL" clId="{92B5DE1F-26A6-914E-97B9-BCB7AD2E4D19}" dt="2024-05-23T17:55:15.024" v="3043" actId="478"/>
          <ac:spMkLst>
            <pc:docMk/>
            <pc:sldMk cId="2528023003" sldId="2294"/>
            <ac:spMk id="4" creationId="{59176816-B55F-B0D5-F96D-A93242917AE4}"/>
          </ac:spMkLst>
        </pc:spChg>
      </pc:sldChg>
      <pc:sldChg chg="delSp add mod">
        <pc:chgData name="Alexander Gottberg" userId="78061ade-8422-47e0-b8e9-57f3b70c64a8" providerId="ADAL" clId="{92B5DE1F-26A6-914E-97B9-BCB7AD2E4D19}" dt="2024-05-23T17:55:07.528" v="3042" actId="478"/>
        <pc:sldMkLst>
          <pc:docMk/>
          <pc:sldMk cId="1246129830" sldId="2295"/>
        </pc:sldMkLst>
        <pc:spChg chg="del">
          <ac:chgData name="Alexander Gottberg" userId="78061ade-8422-47e0-b8e9-57f3b70c64a8" providerId="ADAL" clId="{92B5DE1F-26A6-914E-97B9-BCB7AD2E4D19}" dt="2024-05-23T17:55:07.528" v="3042" actId="478"/>
          <ac:spMkLst>
            <pc:docMk/>
            <pc:sldMk cId="1246129830" sldId="2295"/>
            <ac:spMk id="11" creationId="{E65ABAF0-0B66-A569-1A7F-2C5153DBAD23}"/>
          </ac:spMkLst>
        </pc:spChg>
      </pc:sldChg>
      <pc:sldChg chg="addSp modSp mod ord modAnim">
        <pc:chgData name="Alexander Gottberg" userId="78061ade-8422-47e0-b8e9-57f3b70c64a8" providerId="ADAL" clId="{92B5DE1F-26A6-914E-97B9-BCB7AD2E4D19}" dt="2024-05-24T04:24:09.034" v="9894" actId="14100"/>
        <pc:sldMkLst>
          <pc:docMk/>
          <pc:sldMk cId="1898010205" sldId="2296"/>
        </pc:sldMkLst>
        <pc:spChg chg="add mod">
          <ac:chgData name="Alexander Gottberg" userId="78061ade-8422-47e0-b8e9-57f3b70c64a8" providerId="ADAL" clId="{92B5DE1F-26A6-914E-97B9-BCB7AD2E4D19}" dt="2024-05-24T04:23:07.044" v="9888" actId="20577"/>
          <ac:spMkLst>
            <pc:docMk/>
            <pc:sldMk cId="1898010205" sldId="2296"/>
            <ac:spMk id="4" creationId="{3DA24931-9086-2D0E-1D19-239206458093}"/>
          </ac:spMkLst>
        </pc:spChg>
        <pc:spChg chg="mod">
          <ac:chgData name="Alexander Gottberg" userId="78061ade-8422-47e0-b8e9-57f3b70c64a8" providerId="ADAL" clId="{92B5DE1F-26A6-914E-97B9-BCB7AD2E4D19}" dt="2024-05-24T04:24:09.034" v="9894" actId="14100"/>
          <ac:spMkLst>
            <pc:docMk/>
            <pc:sldMk cId="1898010205" sldId="2296"/>
            <ac:spMk id="74" creationId="{B35A870F-5A03-0BD4-4B58-D5C8EEDC35A1}"/>
          </ac:spMkLst>
        </pc:spChg>
        <pc:spChg chg="mod">
          <ac:chgData name="Alexander Gottberg" userId="78061ade-8422-47e0-b8e9-57f3b70c64a8" providerId="ADAL" clId="{92B5DE1F-26A6-914E-97B9-BCB7AD2E4D19}" dt="2024-05-23T20:51:55.471" v="3925" actId="20577"/>
          <ac:spMkLst>
            <pc:docMk/>
            <pc:sldMk cId="1898010205" sldId="2296"/>
            <ac:spMk id="85" creationId="{E536B3F3-8359-9EFB-8BB6-E94BBBF5899E}"/>
          </ac:spMkLst>
        </pc:spChg>
      </pc:sldChg>
      <pc:sldChg chg="del">
        <pc:chgData name="Alexander Gottberg" userId="78061ade-8422-47e0-b8e9-57f3b70c64a8" providerId="ADAL" clId="{92B5DE1F-26A6-914E-97B9-BCB7AD2E4D19}" dt="2024-05-23T21:42:28.793" v="6635" actId="2696"/>
        <pc:sldMkLst>
          <pc:docMk/>
          <pc:sldMk cId="1185056033" sldId="2297"/>
        </pc:sldMkLst>
      </pc:sldChg>
      <pc:sldChg chg="delSp modSp mod">
        <pc:chgData name="Alexander Gottberg" userId="78061ade-8422-47e0-b8e9-57f3b70c64a8" providerId="ADAL" clId="{92B5DE1F-26A6-914E-97B9-BCB7AD2E4D19}" dt="2024-05-24T04:00:25.461" v="8818" actId="1076"/>
        <pc:sldMkLst>
          <pc:docMk/>
          <pc:sldMk cId="1145377867" sldId="2298"/>
        </pc:sldMkLst>
        <pc:spChg chg="mod">
          <ac:chgData name="Alexander Gottberg" userId="78061ade-8422-47e0-b8e9-57f3b70c64a8" providerId="ADAL" clId="{92B5DE1F-26A6-914E-97B9-BCB7AD2E4D19}" dt="2024-05-24T04:00:25.461" v="8818" actId="1076"/>
          <ac:spMkLst>
            <pc:docMk/>
            <pc:sldMk cId="1145377867" sldId="2298"/>
            <ac:spMk id="3" creationId="{859D0E47-6900-BD7D-B943-5F049E4308A8}"/>
          </ac:spMkLst>
        </pc:spChg>
        <pc:spChg chg="del">
          <ac:chgData name="Alexander Gottberg" userId="78061ade-8422-47e0-b8e9-57f3b70c64a8" providerId="ADAL" clId="{92B5DE1F-26A6-914E-97B9-BCB7AD2E4D19}" dt="2024-05-23T17:41:21.341" v="3036" actId="478"/>
          <ac:spMkLst>
            <pc:docMk/>
            <pc:sldMk cId="1145377867" sldId="2298"/>
            <ac:spMk id="5" creationId="{E252B0BC-50AE-EB27-C4E0-5571BE441EAF}"/>
          </ac:spMkLst>
        </pc:spChg>
      </pc:sldChg>
      <pc:sldChg chg="add del">
        <pc:chgData name="Alexander Gottberg" userId="78061ade-8422-47e0-b8e9-57f3b70c64a8" providerId="ADAL" clId="{92B5DE1F-26A6-914E-97B9-BCB7AD2E4D19}" dt="2024-05-23T15:32:19.426" v="106" actId="2696"/>
        <pc:sldMkLst>
          <pc:docMk/>
          <pc:sldMk cId="3009058550" sldId="2301"/>
        </pc:sldMkLst>
      </pc:sldChg>
      <pc:sldChg chg="addSp delSp modSp new del mod">
        <pc:chgData name="Alexander Gottberg" userId="78061ade-8422-47e0-b8e9-57f3b70c64a8" providerId="ADAL" clId="{92B5DE1F-26A6-914E-97B9-BCB7AD2E4D19}" dt="2024-05-23T16:40:26.987" v="613" actId="2696"/>
        <pc:sldMkLst>
          <pc:docMk/>
          <pc:sldMk cId="2246698285" sldId="2302"/>
        </pc:sldMkLst>
        <pc:spChg chg="del">
          <ac:chgData name="Alexander Gottberg" userId="78061ade-8422-47e0-b8e9-57f3b70c64a8" providerId="ADAL" clId="{92B5DE1F-26A6-914E-97B9-BCB7AD2E4D19}" dt="2024-05-23T00:41:50.002" v="3" actId="478"/>
          <ac:spMkLst>
            <pc:docMk/>
            <pc:sldMk cId="2246698285" sldId="2302"/>
            <ac:spMk id="3" creationId="{4544F256-E7B7-1171-B40A-AEF3ECE959E7}"/>
          </ac:spMkLst>
        </pc:spChg>
        <pc:grpChg chg="add mod">
          <ac:chgData name="Alexander Gottberg" userId="78061ade-8422-47e0-b8e9-57f3b70c64a8" providerId="ADAL" clId="{92B5DE1F-26A6-914E-97B9-BCB7AD2E4D19}" dt="2024-05-23T16:39:53.268" v="608" actId="1037"/>
          <ac:grpSpMkLst>
            <pc:docMk/>
            <pc:sldMk cId="2246698285" sldId="2302"/>
            <ac:grpSpMk id="29" creationId="{18C843E9-97E1-1824-A893-99C8C586D6CB}"/>
          </ac:grpSpMkLst>
        </pc:grpChg>
        <pc:graphicFrameChg chg="add mod">
          <ac:chgData name="Alexander Gottberg" userId="78061ade-8422-47e0-b8e9-57f3b70c64a8" providerId="ADAL" clId="{92B5DE1F-26A6-914E-97B9-BCB7AD2E4D19}" dt="2024-05-23T00:42:08.891" v="6"/>
          <ac:graphicFrameMkLst>
            <pc:docMk/>
            <pc:sldMk cId="2246698285" sldId="2302"/>
            <ac:graphicFrameMk id="4" creationId="{38013D4E-CAEA-3274-CFD7-58B3782F6039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00:42:24.305" v="11"/>
          <ac:graphicFrameMkLst>
            <pc:docMk/>
            <pc:sldMk cId="2246698285" sldId="2302"/>
            <ac:graphicFrameMk id="5" creationId="{38013D4E-CAEA-3274-CFD7-58B3782F6039}"/>
          </ac:graphicFrameMkLst>
        </pc:graphicFrameChg>
        <pc:graphicFrameChg chg="add del mod">
          <ac:chgData name="Alexander Gottberg" userId="78061ade-8422-47e0-b8e9-57f3b70c64a8" providerId="ADAL" clId="{92B5DE1F-26A6-914E-97B9-BCB7AD2E4D19}" dt="2024-05-23T00:43:08.372" v="27" actId="478"/>
          <ac:graphicFrameMkLst>
            <pc:docMk/>
            <pc:sldMk cId="2246698285" sldId="2302"/>
            <ac:graphicFrameMk id="7" creationId="{38013D4E-CAEA-3274-CFD7-58B3782F6039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00:49:40.861" v="30"/>
          <ac:graphicFrameMkLst>
            <pc:docMk/>
            <pc:sldMk cId="2246698285" sldId="2302"/>
            <ac:graphicFrameMk id="8" creationId="{38013D4E-CAEA-3274-CFD7-58B3782F6039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00:50:47.255" v="35"/>
          <ac:graphicFrameMkLst>
            <pc:docMk/>
            <pc:sldMk cId="2246698285" sldId="2302"/>
            <ac:graphicFrameMk id="9" creationId="{38013D4E-CAEA-3274-CFD7-58B3782F6039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00:51:17.403" v="41"/>
          <ac:graphicFrameMkLst>
            <pc:docMk/>
            <pc:sldMk cId="2246698285" sldId="2302"/>
            <ac:graphicFrameMk id="10" creationId="{38013D4E-CAEA-3274-CFD7-58B3782F6039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00:51:22.590" v="44"/>
          <ac:graphicFrameMkLst>
            <pc:docMk/>
            <pc:sldMk cId="2246698285" sldId="2302"/>
            <ac:graphicFrameMk id="11" creationId="{38013D4E-CAEA-3274-CFD7-58B3782F6039}"/>
          </ac:graphicFrameMkLst>
        </pc:graphicFrameChg>
        <pc:graphicFrameChg chg="add del mod">
          <ac:chgData name="Alexander Gottberg" userId="78061ade-8422-47e0-b8e9-57f3b70c64a8" providerId="ADAL" clId="{92B5DE1F-26A6-914E-97B9-BCB7AD2E4D19}" dt="2024-05-23T00:52:34.827" v="47" actId="478"/>
          <ac:graphicFrameMkLst>
            <pc:docMk/>
            <pc:sldMk cId="2246698285" sldId="2302"/>
            <ac:graphicFrameMk id="12" creationId="{38013D4E-CAEA-3274-CFD7-58B3782F6039}"/>
          </ac:graphicFrameMkLst>
        </pc:graphicFrameChg>
        <pc:graphicFrameChg chg="add del mod">
          <ac:chgData name="Alexander Gottberg" userId="78061ade-8422-47e0-b8e9-57f3b70c64a8" providerId="ADAL" clId="{92B5DE1F-26A6-914E-97B9-BCB7AD2E4D19}" dt="2024-05-23T00:52:49.445" v="50" actId="478"/>
          <ac:graphicFrameMkLst>
            <pc:docMk/>
            <pc:sldMk cId="2246698285" sldId="2302"/>
            <ac:graphicFrameMk id="13" creationId="{38013D4E-CAEA-3274-CFD7-58B3782F6039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00:53:02.895" v="53"/>
          <ac:graphicFrameMkLst>
            <pc:docMk/>
            <pc:sldMk cId="2246698285" sldId="2302"/>
            <ac:graphicFrameMk id="14" creationId="{38013D4E-CAEA-3274-CFD7-58B3782F6039}"/>
          </ac:graphicFrameMkLst>
        </pc:graphicFrameChg>
        <pc:graphicFrameChg chg="add del mod">
          <ac:chgData name="Alexander Gottberg" userId="78061ade-8422-47e0-b8e9-57f3b70c64a8" providerId="ADAL" clId="{92B5DE1F-26A6-914E-97B9-BCB7AD2E4D19}" dt="2024-05-23T16:06:28.668" v="331" actId="478"/>
          <ac:graphicFrameMkLst>
            <pc:docMk/>
            <pc:sldMk cId="2246698285" sldId="2302"/>
            <ac:graphicFrameMk id="15" creationId="{38013D4E-CAEA-3274-CFD7-58B3782F6039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16:06:26.378" v="330"/>
          <ac:graphicFrameMkLst>
            <pc:docMk/>
            <pc:sldMk cId="2246698285" sldId="2302"/>
            <ac:graphicFrameMk id="16" creationId="{38013D4E-CAEA-3274-CFD7-58B3782F6039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16:06:39.327" v="336"/>
          <ac:graphicFrameMkLst>
            <pc:docMk/>
            <pc:sldMk cId="2246698285" sldId="2302"/>
            <ac:graphicFrameMk id="17" creationId="{38013D4E-CAEA-3274-CFD7-58B3782F6039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16:06:43.814" v="339"/>
          <ac:graphicFrameMkLst>
            <pc:docMk/>
            <pc:sldMk cId="2246698285" sldId="2302"/>
            <ac:graphicFrameMk id="18" creationId="{38013D4E-CAEA-3274-CFD7-58B3782F6039}"/>
          </ac:graphicFrameMkLst>
        </pc:graphicFrameChg>
        <pc:graphicFrameChg chg="add del mod">
          <ac:chgData name="Alexander Gottberg" userId="78061ade-8422-47e0-b8e9-57f3b70c64a8" providerId="ADAL" clId="{92B5DE1F-26A6-914E-97B9-BCB7AD2E4D19}" dt="2024-05-23T16:10:56.306" v="356" actId="478"/>
          <ac:graphicFrameMkLst>
            <pc:docMk/>
            <pc:sldMk cId="2246698285" sldId="2302"/>
            <ac:graphicFrameMk id="19" creationId="{38013D4E-CAEA-3274-CFD7-58B3782F6039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16:06:58.470" v="343"/>
          <ac:graphicFrameMkLst>
            <pc:docMk/>
            <pc:sldMk cId="2246698285" sldId="2302"/>
            <ac:graphicFrameMk id="20" creationId="{C62B9CE9-3CEF-37FA-0AE4-8B9AEA7A0204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16:07:06.805" v="346"/>
          <ac:graphicFrameMkLst>
            <pc:docMk/>
            <pc:sldMk cId="2246698285" sldId="2302"/>
            <ac:graphicFrameMk id="21" creationId="{38013D4E-CAEA-3274-CFD7-58B3782F6039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16:11:38.988" v="359"/>
          <ac:graphicFrameMkLst>
            <pc:docMk/>
            <pc:sldMk cId="2246698285" sldId="2302"/>
            <ac:graphicFrameMk id="22" creationId="{38013D4E-CAEA-3274-CFD7-58B3782F6039}"/>
          </ac:graphicFrameMkLst>
        </pc:graphicFrameChg>
        <pc:graphicFrameChg chg="add del mod">
          <ac:chgData name="Alexander Gottberg" userId="78061ade-8422-47e0-b8e9-57f3b70c64a8" providerId="ADAL" clId="{92B5DE1F-26A6-914E-97B9-BCB7AD2E4D19}" dt="2024-05-23T16:15:27.967" v="376" actId="478"/>
          <ac:graphicFrameMkLst>
            <pc:docMk/>
            <pc:sldMk cId="2246698285" sldId="2302"/>
            <ac:graphicFrameMk id="23" creationId="{38013D4E-CAEA-3274-CFD7-58B3782F6039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16:14:28.957" v="364"/>
          <ac:graphicFrameMkLst>
            <pc:docMk/>
            <pc:sldMk cId="2246698285" sldId="2302"/>
            <ac:graphicFrameMk id="24" creationId="{EE16F567-782C-B0F2-CA1F-4DE171603FE8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16:15:05.114" v="371"/>
          <ac:graphicFrameMkLst>
            <pc:docMk/>
            <pc:sldMk cId="2246698285" sldId="2302"/>
            <ac:graphicFrameMk id="25" creationId="{734B778F-4AE4-2F78-B61C-FEE12BC3AF54}"/>
          </ac:graphicFrameMkLst>
        </pc:graphicFrameChg>
        <pc:graphicFrameChg chg="add del mod">
          <ac:chgData name="Alexander Gottberg" userId="78061ade-8422-47e0-b8e9-57f3b70c64a8" providerId="ADAL" clId="{92B5DE1F-26A6-914E-97B9-BCB7AD2E4D19}" dt="2024-05-23T16:21:12.654" v="392" actId="478"/>
          <ac:graphicFrameMkLst>
            <pc:docMk/>
            <pc:sldMk cId="2246698285" sldId="2302"/>
            <ac:graphicFrameMk id="27" creationId="{38013D4E-CAEA-3274-CFD7-58B3782F6039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16:21:19.018" v="395"/>
          <ac:graphicFrameMkLst>
            <pc:docMk/>
            <pc:sldMk cId="2246698285" sldId="2302"/>
            <ac:graphicFrameMk id="30" creationId="{38013D4E-CAEA-3274-CFD7-58B3782F6039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16:39:53.268" v="608" actId="1037"/>
          <ac:graphicFrameMkLst>
            <pc:docMk/>
            <pc:sldMk cId="2246698285" sldId="2302"/>
            <ac:graphicFrameMk id="31" creationId="{38013D4E-CAEA-3274-CFD7-58B3782F6039}"/>
          </ac:graphicFrameMkLst>
        </pc:graphicFrameChg>
        <pc:picChg chg="add mod">
          <ac:chgData name="Alexander Gottberg" userId="78061ade-8422-47e0-b8e9-57f3b70c64a8" providerId="ADAL" clId="{92B5DE1F-26A6-914E-97B9-BCB7AD2E4D19}" dt="2024-05-23T00:42:40.478" v="17"/>
          <ac:picMkLst>
            <pc:docMk/>
            <pc:sldMk cId="2246698285" sldId="2302"/>
            <ac:picMk id="6" creationId="{068AE7CD-F8C2-5B87-0D3A-82D82440FDAF}"/>
          </ac:picMkLst>
        </pc:picChg>
        <pc:picChg chg="add mod modCrop">
          <ac:chgData name="Alexander Gottberg" userId="78061ade-8422-47e0-b8e9-57f3b70c64a8" providerId="ADAL" clId="{92B5DE1F-26A6-914E-97B9-BCB7AD2E4D19}" dt="2024-05-23T16:20:44.027" v="385" actId="18131"/>
          <ac:picMkLst>
            <pc:docMk/>
            <pc:sldMk cId="2246698285" sldId="2302"/>
            <ac:picMk id="26" creationId="{F48FA523-AC14-6B6D-100C-C142F1EE70DC}"/>
          </ac:picMkLst>
        </pc:picChg>
        <pc:picChg chg="add mod modCrop">
          <ac:chgData name="Alexander Gottberg" userId="78061ade-8422-47e0-b8e9-57f3b70c64a8" providerId="ADAL" clId="{92B5DE1F-26A6-914E-97B9-BCB7AD2E4D19}" dt="2024-05-23T16:20:52.734" v="388" actId="1076"/>
          <ac:picMkLst>
            <pc:docMk/>
            <pc:sldMk cId="2246698285" sldId="2302"/>
            <ac:picMk id="28" creationId="{99A05EBD-F938-605C-9308-455E668AAE6E}"/>
          </ac:picMkLst>
        </pc:picChg>
      </pc:sldChg>
      <pc:sldChg chg="addSp modSp add del modAnim">
        <pc:chgData name="Alexander Gottberg" userId="78061ade-8422-47e0-b8e9-57f3b70c64a8" providerId="ADAL" clId="{92B5DE1F-26A6-914E-97B9-BCB7AD2E4D19}" dt="2024-05-23T15:33:34.001" v="110" actId="2696"/>
        <pc:sldMkLst>
          <pc:docMk/>
          <pc:sldMk cId="578972376" sldId="2303"/>
        </pc:sldMkLst>
        <pc:spChg chg="add mod">
          <ac:chgData name="Alexander Gottberg" userId="78061ade-8422-47e0-b8e9-57f3b70c64a8" providerId="ADAL" clId="{92B5DE1F-26A6-914E-97B9-BCB7AD2E4D19}" dt="2024-05-23T15:32:20.919" v="107"/>
          <ac:spMkLst>
            <pc:docMk/>
            <pc:sldMk cId="578972376" sldId="2303"/>
            <ac:spMk id="9" creationId="{D7DE8221-AA40-C5BB-7791-7731885AF65D}"/>
          </ac:spMkLst>
        </pc:spChg>
      </pc:sldChg>
      <pc:sldChg chg="add del">
        <pc:chgData name="Alexander Gottberg" userId="78061ade-8422-47e0-b8e9-57f3b70c64a8" providerId="ADAL" clId="{92B5DE1F-26A6-914E-97B9-BCB7AD2E4D19}" dt="2024-05-23T15:36:04.066" v="164"/>
        <pc:sldMkLst>
          <pc:docMk/>
          <pc:sldMk cId="3372282618" sldId="2303"/>
        </pc:sldMkLst>
      </pc:sldChg>
      <pc:sldChg chg="addSp delSp modSp add mod ord modClrScheme chgLayout">
        <pc:chgData name="Alexander Gottberg" userId="78061ade-8422-47e0-b8e9-57f3b70c64a8" providerId="ADAL" clId="{92B5DE1F-26A6-914E-97B9-BCB7AD2E4D19}" dt="2024-05-24T04:13:14.296" v="9057" actId="20577"/>
        <pc:sldMkLst>
          <pc:docMk/>
          <pc:sldMk cId="571158894" sldId="5402"/>
        </pc:sldMkLst>
        <pc:spChg chg="mod ord">
          <ac:chgData name="Alexander Gottberg" userId="78061ade-8422-47e0-b8e9-57f3b70c64a8" providerId="ADAL" clId="{92B5DE1F-26A6-914E-97B9-BCB7AD2E4D19}" dt="2024-05-23T15:36:42.284" v="173" actId="403"/>
          <ac:spMkLst>
            <pc:docMk/>
            <pc:sldMk cId="571158894" sldId="5402"/>
            <ac:spMk id="2" creationId="{9A96C981-1424-B6A4-EB0D-CB397B06963C}"/>
          </ac:spMkLst>
        </pc:spChg>
        <pc:spChg chg="del mod ord">
          <ac:chgData name="Alexander Gottberg" userId="78061ade-8422-47e0-b8e9-57f3b70c64a8" providerId="ADAL" clId="{92B5DE1F-26A6-914E-97B9-BCB7AD2E4D19}" dt="2024-05-23T15:36:20.910" v="168" actId="478"/>
          <ac:spMkLst>
            <pc:docMk/>
            <pc:sldMk cId="571158894" sldId="5402"/>
            <ac:spMk id="3" creationId="{7FA8144D-8F8E-3C40-4E33-16B30ED420A8}"/>
          </ac:spMkLst>
        </pc:spChg>
        <pc:spChg chg="del mod ord">
          <ac:chgData name="Alexander Gottberg" userId="78061ade-8422-47e0-b8e9-57f3b70c64a8" providerId="ADAL" clId="{92B5DE1F-26A6-914E-97B9-BCB7AD2E4D19}" dt="2024-05-23T15:36:20.910" v="168" actId="478"/>
          <ac:spMkLst>
            <pc:docMk/>
            <pc:sldMk cId="571158894" sldId="5402"/>
            <ac:spMk id="4" creationId="{52D95B16-95A1-BD5D-25A2-9E419C598DFF}"/>
          </ac:spMkLst>
        </pc:spChg>
        <pc:spChg chg="del mod ord">
          <ac:chgData name="Alexander Gottberg" userId="78061ade-8422-47e0-b8e9-57f3b70c64a8" providerId="ADAL" clId="{92B5DE1F-26A6-914E-97B9-BCB7AD2E4D19}" dt="2024-05-23T15:36:20.910" v="168" actId="478"/>
          <ac:spMkLst>
            <pc:docMk/>
            <pc:sldMk cId="571158894" sldId="5402"/>
            <ac:spMk id="5" creationId="{58E2EE90-6290-4E75-2F7A-1B4E9F1C49E0}"/>
          </ac:spMkLst>
        </pc:spChg>
        <pc:spChg chg="mod">
          <ac:chgData name="Alexander Gottberg" userId="78061ade-8422-47e0-b8e9-57f3b70c64a8" providerId="ADAL" clId="{92B5DE1F-26A6-914E-97B9-BCB7AD2E4D19}" dt="2024-05-24T04:13:14.296" v="9057" actId="20577"/>
          <ac:spMkLst>
            <pc:docMk/>
            <pc:sldMk cId="571158894" sldId="5402"/>
            <ac:spMk id="6" creationId="{31D8B891-3D72-EB84-20CC-50024DBF9D34}"/>
          </ac:spMkLst>
        </pc:spChg>
        <pc:spChg chg="add del mod ord">
          <ac:chgData name="Alexander Gottberg" userId="78061ade-8422-47e0-b8e9-57f3b70c64a8" providerId="ADAL" clId="{92B5DE1F-26A6-914E-97B9-BCB7AD2E4D19}" dt="2024-05-23T15:36:28.625" v="169" actId="478"/>
          <ac:spMkLst>
            <pc:docMk/>
            <pc:sldMk cId="571158894" sldId="5402"/>
            <ac:spMk id="7" creationId="{E818A754-A387-4D3E-63FB-5F176F0E2182}"/>
          </ac:spMkLst>
        </pc:spChg>
      </pc:sldChg>
      <pc:sldChg chg="modSp add mod">
        <pc:chgData name="Alexander Gottberg" userId="78061ade-8422-47e0-b8e9-57f3b70c64a8" providerId="ADAL" clId="{92B5DE1F-26A6-914E-97B9-BCB7AD2E4D19}" dt="2024-05-23T15:42:57.918" v="187" actId="14100"/>
        <pc:sldMkLst>
          <pc:docMk/>
          <pc:sldMk cId="2591641999" sldId="5403"/>
        </pc:sldMkLst>
        <pc:spChg chg="mod">
          <ac:chgData name="Alexander Gottberg" userId="78061ade-8422-47e0-b8e9-57f3b70c64a8" providerId="ADAL" clId="{92B5DE1F-26A6-914E-97B9-BCB7AD2E4D19}" dt="2024-05-23T15:42:57.918" v="187" actId="14100"/>
          <ac:spMkLst>
            <pc:docMk/>
            <pc:sldMk cId="2591641999" sldId="5403"/>
            <ac:spMk id="130" creationId="{2CC8615F-4E52-F2AC-0E9D-D1F10C957527}"/>
          </ac:spMkLst>
        </pc:spChg>
      </pc:sldChg>
      <pc:sldChg chg="modSp new mod ord">
        <pc:chgData name="Alexander Gottberg" userId="78061ade-8422-47e0-b8e9-57f3b70c64a8" providerId="ADAL" clId="{92B5DE1F-26A6-914E-97B9-BCB7AD2E4D19}" dt="2024-05-24T04:20:45.987" v="9770" actId="20577"/>
        <pc:sldMkLst>
          <pc:docMk/>
          <pc:sldMk cId="779898643" sldId="5404"/>
        </pc:sldMkLst>
        <pc:spChg chg="mod">
          <ac:chgData name="Alexander Gottberg" userId="78061ade-8422-47e0-b8e9-57f3b70c64a8" providerId="ADAL" clId="{92B5DE1F-26A6-914E-97B9-BCB7AD2E4D19}" dt="2024-05-23T20:52:45.362" v="3961" actId="20577"/>
          <ac:spMkLst>
            <pc:docMk/>
            <pc:sldMk cId="779898643" sldId="5404"/>
            <ac:spMk id="2" creationId="{40F28813-885D-85C7-26E9-EE5B9A27A252}"/>
          </ac:spMkLst>
        </pc:spChg>
        <pc:spChg chg="mod">
          <ac:chgData name="Alexander Gottberg" userId="78061ade-8422-47e0-b8e9-57f3b70c64a8" providerId="ADAL" clId="{92B5DE1F-26A6-914E-97B9-BCB7AD2E4D19}" dt="2024-05-24T04:20:45.987" v="9770" actId="20577"/>
          <ac:spMkLst>
            <pc:docMk/>
            <pc:sldMk cId="779898643" sldId="5404"/>
            <ac:spMk id="3" creationId="{707E2AB3-EECE-878D-0D6A-86950FECEB8C}"/>
          </ac:spMkLst>
        </pc:spChg>
      </pc:sldChg>
      <pc:sldChg chg="addSp delSp modSp new mod">
        <pc:chgData name="Alexander Gottberg" userId="78061ade-8422-47e0-b8e9-57f3b70c64a8" providerId="ADAL" clId="{92B5DE1F-26A6-914E-97B9-BCB7AD2E4D19}" dt="2024-05-24T04:37:16.316" v="10491" actId="313"/>
        <pc:sldMkLst>
          <pc:docMk/>
          <pc:sldMk cId="3433091066" sldId="5405"/>
        </pc:sldMkLst>
        <pc:spChg chg="mod">
          <ac:chgData name="Alexander Gottberg" userId="78061ade-8422-47e0-b8e9-57f3b70c64a8" providerId="ADAL" clId="{92B5DE1F-26A6-914E-97B9-BCB7AD2E4D19}" dt="2024-05-23T16:46:17.747" v="719" actId="20577"/>
          <ac:spMkLst>
            <pc:docMk/>
            <pc:sldMk cId="3433091066" sldId="5405"/>
            <ac:spMk id="2" creationId="{7E4957D2-3927-EA7E-DFEB-3C649E645623}"/>
          </ac:spMkLst>
        </pc:spChg>
        <pc:spChg chg="del">
          <ac:chgData name="Alexander Gottberg" userId="78061ade-8422-47e0-b8e9-57f3b70c64a8" providerId="ADAL" clId="{92B5DE1F-26A6-914E-97B9-BCB7AD2E4D19}" dt="2024-05-23T16:21:50.450" v="407" actId="478"/>
          <ac:spMkLst>
            <pc:docMk/>
            <pc:sldMk cId="3433091066" sldId="5405"/>
            <ac:spMk id="3" creationId="{11A92C2D-AE0D-03CB-9948-7EF07B483B40}"/>
          </ac:spMkLst>
        </pc:spChg>
        <pc:spChg chg="add del mod">
          <ac:chgData name="Alexander Gottberg" userId="78061ade-8422-47e0-b8e9-57f3b70c64a8" providerId="ADAL" clId="{92B5DE1F-26A6-914E-97B9-BCB7AD2E4D19}" dt="2024-05-23T16:40:43.676" v="618" actId="21"/>
          <ac:spMkLst>
            <pc:docMk/>
            <pc:sldMk cId="3433091066" sldId="5405"/>
            <ac:spMk id="11" creationId="{8B29DBBC-741D-9D68-1E01-2BFD7F650586}"/>
          </ac:spMkLst>
        </pc:spChg>
        <pc:spChg chg="add del mod">
          <ac:chgData name="Alexander Gottberg" userId="78061ade-8422-47e0-b8e9-57f3b70c64a8" providerId="ADAL" clId="{92B5DE1F-26A6-914E-97B9-BCB7AD2E4D19}" dt="2024-05-23T16:44:51.010" v="652" actId="478"/>
          <ac:spMkLst>
            <pc:docMk/>
            <pc:sldMk cId="3433091066" sldId="5405"/>
            <ac:spMk id="12" creationId="{BAE1B865-A692-1A02-104B-9DEEE6A3FD02}"/>
          </ac:spMkLst>
        </pc:spChg>
        <pc:spChg chg="add mod">
          <ac:chgData name="Alexander Gottberg" userId="78061ade-8422-47e0-b8e9-57f3b70c64a8" providerId="ADAL" clId="{92B5DE1F-26A6-914E-97B9-BCB7AD2E4D19}" dt="2024-05-24T04:37:16.316" v="10491" actId="313"/>
          <ac:spMkLst>
            <pc:docMk/>
            <pc:sldMk cId="3433091066" sldId="5405"/>
            <ac:spMk id="13" creationId="{AC28D15D-3A30-18EC-5946-576C95476492}"/>
          </ac:spMkLst>
        </pc:spChg>
        <pc:grpChg chg="add mod">
          <ac:chgData name="Alexander Gottberg" userId="78061ade-8422-47e0-b8e9-57f3b70c64a8" providerId="ADAL" clId="{92B5DE1F-26A6-914E-97B9-BCB7AD2E4D19}" dt="2024-05-23T16:44:47.670" v="651" actId="1076"/>
          <ac:grpSpMkLst>
            <pc:docMk/>
            <pc:sldMk cId="3433091066" sldId="5405"/>
            <ac:grpSpMk id="8" creationId="{C8E8C4EB-8AFE-0D96-0C9A-197241678F7E}"/>
          </ac:grpSpMkLst>
        </pc:grpChg>
        <pc:graphicFrameChg chg="add mod">
          <ac:chgData name="Alexander Gottberg" userId="78061ade-8422-47e0-b8e9-57f3b70c64a8" providerId="ADAL" clId="{92B5DE1F-26A6-914E-97B9-BCB7AD2E4D19}" dt="2024-05-23T16:21:47.217" v="401"/>
          <ac:graphicFrameMkLst>
            <pc:docMk/>
            <pc:sldMk cId="3433091066" sldId="5405"/>
            <ac:graphicFrameMk id="4" creationId="{79B0F98B-E0C9-094E-9BEA-56BFCFBEAF49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16:21:48.978" v="404"/>
          <ac:graphicFrameMkLst>
            <pc:docMk/>
            <pc:sldMk cId="3433091066" sldId="5405"/>
            <ac:graphicFrameMk id="5" creationId="{79B0F98B-E0C9-094E-9BEA-56BFCFBEAF49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16:44:47.670" v="651" actId="1076"/>
          <ac:graphicFrameMkLst>
            <pc:docMk/>
            <pc:sldMk cId="3433091066" sldId="5405"/>
            <ac:graphicFrameMk id="6" creationId="{79B0F98B-E0C9-094E-9BEA-56BFCFBEAF49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16:21:52.935" v="410"/>
          <ac:graphicFrameMkLst>
            <pc:docMk/>
            <pc:sldMk cId="3433091066" sldId="5405"/>
            <ac:graphicFrameMk id="7" creationId="{79B0F98B-E0C9-094E-9BEA-56BFCFBEAF49}"/>
          </ac:graphicFrameMkLst>
        </pc:graphicFrameChg>
        <pc:picChg chg="mod">
          <ac:chgData name="Alexander Gottberg" userId="78061ade-8422-47e0-b8e9-57f3b70c64a8" providerId="ADAL" clId="{92B5DE1F-26A6-914E-97B9-BCB7AD2E4D19}" dt="2024-05-23T16:22:02.359" v="411"/>
          <ac:picMkLst>
            <pc:docMk/>
            <pc:sldMk cId="3433091066" sldId="5405"/>
            <ac:picMk id="9" creationId="{1DB55A7B-FE52-E3D2-60DC-044889505FA9}"/>
          </ac:picMkLst>
        </pc:picChg>
        <pc:picChg chg="mod">
          <ac:chgData name="Alexander Gottberg" userId="78061ade-8422-47e0-b8e9-57f3b70c64a8" providerId="ADAL" clId="{92B5DE1F-26A6-914E-97B9-BCB7AD2E4D19}" dt="2024-05-23T16:22:02.359" v="411"/>
          <ac:picMkLst>
            <pc:docMk/>
            <pc:sldMk cId="3433091066" sldId="5405"/>
            <ac:picMk id="10" creationId="{75C61BD4-B35E-B4DB-42CB-7C333131E7A6}"/>
          </ac:picMkLst>
        </pc:picChg>
      </pc:sldChg>
      <pc:sldChg chg="addSp delSp modSp new mod delAnim modAnim">
        <pc:chgData name="Alexander Gottberg" userId="78061ade-8422-47e0-b8e9-57f3b70c64a8" providerId="ADAL" clId="{92B5DE1F-26A6-914E-97B9-BCB7AD2E4D19}" dt="2024-05-24T04:38:31.563" v="10533" actId="14100"/>
        <pc:sldMkLst>
          <pc:docMk/>
          <pc:sldMk cId="2983271190" sldId="5406"/>
        </pc:sldMkLst>
        <pc:spChg chg="mod">
          <ac:chgData name="Alexander Gottberg" userId="78061ade-8422-47e0-b8e9-57f3b70c64a8" providerId="ADAL" clId="{92B5DE1F-26A6-914E-97B9-BCB7AD2E4D19}" dt="2024-05-23T22:29:35.990" v="8314" actId="20577"/>
          <ac:spMkLst>
            <pc:docMk/>
            <pc:sldMk cId="2983271190" sldId="5406"/>
            <ac:spMk id="2" creationId="{2C2BC0CC-1792-6059-737B-5254350C27F6}"/>
          </ac:spMkLst>
        </pc:spChg>
        <pc:spChg chg="del">
          <ac:chgData name="Alexander Gottberg" userId="78061ade-8422-47e0-b8e9-57f3b70c64a8" providerId="ADAL" clId="{92B5DE1F-26A6-914E-97B9-BCB7AD2E4D19}" dt="2024-05-23T16:31:18.511" v="413" actId="478"/>
          <ac:spMkLst>
            <pc:docMk/>
            <pc:sldMk cId="2983271190" sldId="5406"/>
            <ac:spMk id="3" creationId="{67BE3037-BAC2-1A9E-96C9-B854D0F4C0E2}"/>
          </ac:spMkLst>
        </pc:spChg>
        <pc:spChg chg="add del mod">
          <ac:chgData name="Alexander Gottberg" userId="78061ade-8422-47e0-b8e9-57f3b70c64a8" providerId="ADAL" clId="{92B5DE1F-26A6-914E-97B9-BCB7AD2E4D19}" dt="2024-05-23T16:40:54.037" v="621" actId="21"/>
          <ac:spMkLst>
            <pc:docMk/>
            <pc:sldMk cId="2983271190" sldId="5406"/>
            <ac:spMk id="13" creationId="{C94C437A-47A4-693B-383A-9CE28A4AD4DA}"/>
          </ac:spMkLst>
        </pc:spChg>
        <pc:spChg chg="add del mod">
          <ac:chgData name="Alexander Gottberg" userId="78061ade-8422-47e0-b8e9-57f3b70c64a8" providerId="ADAL" clId="{92B5DE1F-26A6-914E-97B9-BCB7AD2E4D19}" dt="2024-05-23T16:44:40.291" v="649" actId="21"/>
          <ac:spMkLst>
            <pc:docMk/>
            <pc:sldMk cId="2983271190" sldId="5406"/>
            <ac:spMk id="14" creationId="{CCC4C1CB-4558-D9DB-8E3C-F46FECB55155}"/>
          </ac:spMkLst>
        </pc:spChg>
        <pc:spChg chg="add mod">
          <ac:chgData name="Alexander Gottberg" userId="78061ade-8422-47e0-b8e9-57f3b70c64a8" providerId="ADAL" clId="{92B5DE1F-26A6-914E-97B9-BCB7AD2E4D19}" dt="2024-05-24T04:38:31.563" v="10533" actId="14100"/>
          <ac:spMkLst>
            <pc:docMk/>
            <pc:sldMk cId="2983271190" sldId="5406"/>
            <ac:spMk id="18" creationId="{04A3F1D6-EC92-F7AC-492C-196C6E1C939E}"/>
          </ac:spMkLst>
        </pc:spChg>
        <pc:grpChg chg="add del mod">
          <ac:chgData name="Alexander Gottberg" userId="78061ade-8422-47e0-b8e9-57f3b70c64a8" providerId="ADAL" clId="{92B5DE1F-26A6-914E-97B9-BCB7AD2E4D19}" dt="2024-05-23T16:45:18.974" v="653" actId="478"/>
          <ac:grpSpMkLst>
            <pc:docMk/>
            <pc:sldMk cId="2983271190" sldId="5406"/>
            <ac:grpSpMk id="5" creationId="{1FDC33B4-EB2F-3E20-23B2-DBE5410489E2}"/>
          </ac:grpSpMkLst>
        </pc:grpChg>
        <pc:grpChg chg="add mod">
          <ac:chgData name="Alexander Gottberg" userId="78061ade-8422-47e0-b8e9-57f3b70c64a8" providerId="ADAL" clId="{92B5DE1F-26A6-914E-97B9-BCB7AD2E4D19}" dt="2024-05-23T16:45:19.255" v="654"/>
          <ac:grpSpMkLst>
            <pc:docMk/>
            <pc:sldMk cId="2983271190" sldId="5406"/>
            <ac:grpSpMk id="15" creationId="{14A9201B-9149-1E53-1761-8C9C1C1EF591}"/>
          </ac:grpSpMkLst>
        </pc:grpChg>
        <pc:graphicFrameChg chg="add del mod">
          <ac:chgData name="Alexander Gottberg" userId="78061ade-8422-47e0-b8e9-57f3b70c64a8" providerId="ADAL" clId="{92B5DE1F-26A6-914E-97B9-BCB7AD2E4D19}" dt="2024-05-23T16:31:40.875" v="416" actId="478"/>
          <ac:graphicFrameMkLst>
            <pc:docMk/>
            <pc:sldMk cId="2983271190" sldId="5406"/>
            <ac:graphicFrameMk id="4" creationId="{E24D3600-9C85-0433-CC10-8767C9A731E2}"/>
          </ac:graphicFrameMkLst>
        </pc:graphicFrameChg>
        <pc:graphicFrameChg chg="add del mod">
          <ac:chgData name="Alexander Gottberg" userId="78061ade-8422-47e0-b8e9-57f3b70c64a8" providerId="ADAL" clId="{92B5DE1F-26A6-914E-97B9-BCB7AD2E4D19}" dt="2024-05-23T16:32:36.232" v="425" actId="478"/>
          <ac:graphicFrameMkLst>
            <pc:docMk/>
            <pc:sldMk cId="2983271190" sldId="5406"/>
            <ac:graphicFrameMk id="8" creationId="{A55ACE22-EEC7-5548-B2CE-4A2579A4E34B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16:32:46.447" v="428"/>
          <ac:graphicFrameMkLst>
            <pc:docMk/>
            <pc:sldMk cId="2983271190" sldId="5406"/>
            <ac:graphicFrameMk id="9" creationId="{A55ACE22-EEC7-5548-B2CE-4A2579A4E34B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16:44:38.086" v="648" actId="1076"/>
          <ac:graphicFrameMkLst>
            <pc:docMk/>
            <pc:sldMk cId="2983271190" sldId="5406"/>
            <ac:graphicFrameMk id="10" creationId="{A55ACE22-EEC7-5548-B2CE-4A2579A4E34B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16:33:03.553" v="434"/>
          <ac:graphicFrameMkLst>
            <pc:docMk/>
            <pc:sldMk cId="2983271190" sldId="5406"/>
            <ac:graphicFrameMk id="11" creationId="{E24D3600-9C85-0433-CC10-8767C9A731E2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16:44:38.086" v="648" actId="1076"/>
          <ac:graphicFrameMkLst>
            <pc:docMk/>
            <pc:sldMk cId="2983271190" sldId="5406"/>
            <ac:graphicFrameMk id="12" creationId="{E24D3600-9C85-0433-CC10-8767C9A731E2}"/>
          </ac:graphicFrameMkLst>
        </pc:graphicFrameChg>
        <pc:picChg chg="mod">
          <ac:chgData name="Alexander Gottberg" userId="78061ade-8422-47e0-b8e9-57f3b70c64a8" providerId="ADAL" clId="{92B5DE1F-26A6-914E-97B9-BCB7AD2E4D19}" dt="2024-05-23T16:31:41.183" v="417"/>
          <ac:picMkLst>
            <pc:docMk/>
            <pc:sldMk cId="2983271190" sldId="5406"/>
            <ac:picMk id="6" creationId="{D7BBEA2E-4908-BC2D-AB43-4419C6D334DC}"/>
          </ac:picMkLst>
        </pc:picChg>
        <pc:picChg chg="mod">
          <ac:chgData name="Alexander Gottberg" userId="78061ade-8422-47e0-b8e9-57f3b70c64a8" providerId="ADAL" clId="{92B5DE1F-26A6-914E-97B9-BCB7AD2E4D19}" dt="2024-05-23T16:31:41.183" v="417"/>
          <ac:picMkLst>
            <pc:docMk/>
            <pc:sldMk cId="2983271190" sldId="5406"/>
            <ac:picMk id="7" creationId="{80A9E77D-51D4-EBCF-9E38-C4946D0C6106}"/>
          </ac:picMkLst>
        </pc:picChg>
        <pc:picChg chg="mod">
          <ac:chgData name="Alexander Gottberg" userId="78061ade-8422-47e0-b8e9-57f3b70c64a8" providerId="ADAL" clId="{92B5DE1F-26A6-914E-97B9-BCB7AD2E4D19}" dt="2024-05-23T16:45:19.255" v="654"/>
          <ac:picMkLst>
            <pc:docMk/>
            <pc:sldMk cId="2983271190" sldId="5406"/>
            <ac:picMk id="16" creationId="{10078A99-F27D-3692-CFC1-55DF7C9562D0}"/>
          </ac:picMkLst>
        </pc:picChg>
        <pc:picChg chg="mod">
          <ac:chgData name="Alexander Gottberg" userId="78061ade-8422-47e0-b8e9-57f3b70c64a8" providerId="ADAL" clId="{92B5DE1F-26A6-914E-97B9-BCB7AD2E4D19}" dt="2024-05-23T16:45:19.255" v="654"/>
          <ac:picMkLst>
            <pc:docMk/>
            <pc:sldMk cId="2983271190" sldId="5406"/>
            <ac:picMk id="17" creationId="{46FF36FF-471B-7B54-5C0F-E8ABD28AC898}"/>
          </ac:picMkLst>
        </pc:picChg>
      </pc:sldChg>
      <pc:sldChg chg="addSp delSp modSp add mod delAnim modAnim">
        <pc:chgData name="Alexander Gottberg" userId="78061ade-8422-47e0-b8e9-57f3b70c64a8" providerId="ADAL" clId="{92B5DE1F-26A6-914E-97B9-BCB7AD2E4D19}" dt="2024-05-24T04:40:23.345" v="10579" actId="20577"/>
        <pc:sldMkLst>
          <pc:docMk/>
          <pc:sldMk cId="1190845150" sldId="5407"/>
        </pc:sldMkLst>
        <pc:spChg chg="mod">
          <ac:chgData name="Alexander Gottberg" userId="78061ade-8422-47e0-b8e9-57f3b70c64a8" providerId="ADAL" clId="{92B5DE1F-26A6-914E-97B9-BCB7AD2E4D19}" dt="2024-05-23T22:30:08.598" v="8382" actId="20577"/>
          <ac:spMkLst>
            <pc:docMk/>
            <pc:sldMk cId="1190845150" sldId="5407"/>
            <ac:spMk id="2" creationId="{2C2BC0CC-1792-6059-737B-5254350C27F6}"/>
          </ac:spMkLst>
        </pc:spChg>
        <pc:spChg chg="add del mod">
          <ac:chgData name="Alexander Gottberg" userId="78061ade-8422-47e0-b8e9-57f3b70c64a8" providerId="ADAL" clId="{92B5DE1F-26A6-914E-97B9-BCB7AD2E4D19}" dt="2024-05-23T16:41:05.736" v="624" actId="478"/>
          <ac:spMkLst>
            <pc:docMk/>
            <pc:sldMk cId="1190845150" sldId="5407"/>
            <ac:spMk id="16" creationId="{4F979D5D-FCF0-2C42-7082-D0C1E8D58CCD}"/>
          </ac:spMkLst>
        </pc:spChg>
        <pc:spChg chg="add mod">
          <ac:chgData name="Alexander Gottberg" userId="78061ade-8422-47e0-b8e9-57f3b70c64a8" providerId="ADAL" clId="{92B5DE1F-26A6-914E-97B9-BCB7AD2E4D19}" dt="2024-05-23T16:40:55.350" v="622"/>
          <ac:spMkLst>
            <pc:docMk/>
            <pc:sldMk cId="1190845150" sldId="5407"/>
            <ac:spMk id="17" creationId="{2F17BE80-D2A3-8EBF-E94A-2AE77239E263}"/>
          </ac:spMkLst>
        </pc:spChg>
        <pc:spChg chg="add del mod">
          <ac:chgData name="Alexander Gottberg" userId="78061ade-8422-47e0-b8e9-57f3b70c64a8" providerId="ADAL" clId="{92B5DE1F-26A6-914E-97B9-BCB7AD2E4D19}" dt="2024-05-23T16:44:29.668" v="646" actId="21"/>
          <ac:spMkLst>
            <pc:docMk/>
            <pc:sldMk cId="1190845150" sldId="5407"/>
            <ac:spMk id="22" creationId="{20D56816-28FE-5CC0-B9AE-15E2B2C6F4F0}"/>
          </ac:spMkLst>
        </pc:spChg>
        <pc:spChg chg="add mod">
          <ac:chgData name="Alexander Gottberg" userId="78061ade-8422-47e0-b8e9-57f3b70c64a8" providerId="ADAL" clId="{92B5DE1F-26A6-914E-97B9-BCB7AD2E4D19}" dt="2024-05-24T04:40:23.345" v="10579" actId="20577"/>
          <ac:spMkLst>
            <pc:docMk/>
            <pc:sldMk cId="1190845150" sldId="5407"/>
            <ac:spMk id="26" creationId="{EE352E65-DD87-EAF9-78A8-F53635CD6E15}"/>
          </ac:spMkLst>
        </pc:spChg>
        <pc:grpChg chg="del mod">
          <ac:chgData name="Alexander Gottberg" userId="78061ade-8422-47e0-b8e9-57f3b70c64a8" providerId="ADAL" clId="{92B5DE1F-26A6-914E-97B9-BCB7AD2E4D19}" dt="2024-05-23T16:44:01.598" v="641" actId="478"/>
          <ac:grpSpMkLst>
            <pc:docMk/>
            <pc:sldMk cId="1190845150" sldId="5407"/>
            <ac:grpSpMk id="5" creationId="{1FDC33B4-EB2F-3E20-23B2-DBE5410489E2}"/>
          </ac:grpSpMkLst>
        </pc:grpChg>
        <pc:grpChg chg="add del mod">
          <ac:chgData name="Alexander Gottberg" userId="78061ade-8422-47e0-b8e9-57f3b70c64a8" providerId="ADAL" clId="{92B5DE1F-26A6-914E-97B9-BCB7AD2E4D19}" dt="2024-05-23T16:45:22.736" v="655" actId="478"/>
          <ac:grpSpMkLst>
            <pc:docMk/>
            <pc:sldMk cId="1190845150" sldId="5407"/>
            <ac:grpSpMk id="19" creationId="{D64E0827-B639-89E3-B87B-8CBA95312251}"/>
          </ac:grpSpMkLst>
        </pc:grpChg>
        <pc:grpChg chg="add mod">
          <ac:chgData name="Alexander Gottberg" userId="78061ade-8422-47e0-b8e9-57f3b70c64a8" providerId="ADAL" clId="{92B5DE1F-26A6-914E-97B9-BCB7AD2E4D19}" dt="2024-05-23T16:45:22.964" v="656"/>
          <ac:grpSpMkLst>
            <pc:docMk/>
            <pc:sldMk cId="1190845150" sldId="5407"/>
            <ac:grpSpMk id="23" creationId="{2A31BEC7-1EDB-D6D1-5C64-14FA2E7C38B5}"/>
          </ac:grpSpMkLst>
        </pc:grpChg>
        <pc:graphicFrameChg chg="add mod">
          <ac:chgData name="Alexander Gottberg" userId="78061ade-8422-47e0-b8e9-57f3b70c64a8" providerId="ADAL" clId="{92B5DE1F-26A6-914E-97B9-BCB7AD2E4D19}" dt="2024-05-23T16:37:04.727" v="513"/>
          <ac:graphicFrameMkLst>
            <pc:docMk/>
            <pc:sldMk cId="1190845150" sldId="5407"/>
            <ac:graphicFrameMk id="3" creationId="{F181800B-9958-F26B-13A7-1AF784800FAE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16:37:08.904" v="516"/>
          <ac:graphicFrameMkLst>
            <pc:docMk/>
            <pc:sldMk cId="1190845150" sldId="5407"/>
            <ac:graphicFrameMk id="4" creationId="{F181800B-9958-F26B-13A7-1AF784800FAE}"/>
          </ac:graphicFrameMkLst>
        </pc:graphicFrameChg>
        <pc:graphicFrameChg chg="add del mod">
          <ac:chgData name="Alexander Gottberg" userId="78061ade-8422-47e0-b8e9-57f3b70c64a8" providerId="ADAL" clId="{92B5DE1F-26A6-914E-97B9-BCB7AD2E4D19}" dt="2024-05-23T16:39:13.330" v="572" actId="478"/>
          <ac:graphicFrameMkLst>
            <pc:docMk/>
            <pc:sldMk cId="1190845150" sldId="5407"/>
            <ac:graphicFrameMk id="8" creationId="{F181800B-9958-F26B-13A7-1AF784800FAE}"/>
          </ac:graphicFrameMkLst>
        </pc:graphicFrameChg>
        <pc:graphicFrameChg chg="add del mod">
          <ac:chgData name="Alexander Gottberg" userId="78061ade-8422-47e0-b8e9-57f3b70c64a8" providerId="ADAL" clId="{92B5DE1F-26A6-914E-97B9-BCB7AD2E4D19}" dt="2024-05-23T16:37:51.225" v="560" actId="478"/>
          <ac:graphicFrameMkLst>
            <pc:docMk/>
            <pc:sldMk cId="1190845150" sldId="5407"/>
            <ac:graphicFrameMk id="9" creationId="{38013D4E-CAEA-3274-CFD7-58B3782F6039}"/>
          </ac:graphicFrameMkLst>
        </pc:graphicFrameChg>
        <pc:graphicFrameChg chg="del">
          <ac:chgData name="Alexander Gottberg" userId="78061ade-8422-47e0-b8e9-57f3b70c64a8" providerId="ADAL" clId="{92B5DE1F-26A6-914E-97B9-BCB7AD2E4D19}" dt="2024-05-23T16:36:45.815" v="507" actId="478"/>
          <ac:graphicFrameMkLst>
            <pc:docMk/>
            <pc:sldMk cId="1190845150" sldId="5407"/>
            <ac:graphicFrameMk id="10" creationId="{A55ACE22-EEC7-5548-B2CE-4A2579A4E34B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16:37:54.777" v="563"/>
          <ac:graphicFrameMkLst>
            <pc:docMk/>
            <pc:sldMk cId="1190845150" sldId="5407"/>
            <ac:graphicFrameMk id="11" creationId="{38013D4E-CAEA-3274-CFD7-58B3782F6039}"/>
          </ac:graphicFrameMkLst>
        </pc:graphicFrameChg>
        <pc:graphicFrameChg chg="del">
          <ac:chgData name="Alexander Gottberg" userId="78061ade-8422-47e0-b8e9-57f3b70c64a8" providerId="ADAL" clId="{92B5DE1F-26A6-914E-97B9-BCB7AD2E4D19}" dt="2024-05-23T16:36:47.393" v="508" actId="478"/>
          <ac:graphicFrameMkLst>
            <pc:docMk/>
            <pc:sldMk cId="1190845150" sldId="5407"/>
            <ac:graphicFrameMk id="12" creationId="{E24D3600-9C85-0433-CC10-8767C9A731E2}"/>
          </ac:graphicFrameMkLst>
        </pc:graphicFrameChg>
        <pc:graphicFrameChg chg="add del mod">
          <ac:chgData name="Alexander Gottberg" userId="78061ade-8422-47e0-b8e9-57f3b70c64a8" providerId="ADAL" clId="{92B5DE1F-26A6-914E-97B9-BCB7AD2E4D19}" dt="2024-05-23T16:39:07.787" v="571" actId="478"/>
          <ac:graphicFrameMkLst>
            <pc:docMk/>
            <pc:sldMk cId="1190845150" sldId="5407"/>
            <ac:graphicFrameMk id="13" creationId="{38013D4E-CAEA-3274-CFD7-58B3782F6039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16:39:23.777" v="575"/>
          <ac:graphicFrameMkLst>
            <pc:docMk/>
            <pc:sldMk cId="1190845150" sldId="5407"/>
            <ac:graphicFrameMk id="14" creationId="{38013D4E-CAEA-3274-CFD7-58B3782F6039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16:44:27.940" v="645" actId="1076"/>
          <ac:graphicFrameMkLst>
            <pc:docMk/>
            <pc:sldMk cId="1190845150" sldId="5407"/>
            <ac:graphicFrameMk id="15" creationId="{38013D4E-CAEA-3274-CFD7-58B3782F6039}"/>
          </ac:graphicFrameMkLst>
        </pc:graphicFrameChg>
        <pc:graphicFrameChg chg="add mod">
          <ac:chgData name="Alexander Gottberg" userId="78061ade-8422-47e0-b8e9-57f3b70c64a8" providerId="ADAL" clId="{92B5DE1F-26A6-914E-97B9-BCB7AD2E4D19}" dt="2024-05-23T16:44:27.940" v="645" actId="1076"/>
          <ac:graphicFrameMkLst>
            <pc:docMk/>
            <pc:sldMk cId="1190845150" sldId="5407"/>
            <ac:graphicFrameMk id="18" creationId="{91F253C1-E6F2-2EC2-2D0F-7C0C2B36B8EC}"/>
          </ac:graphicFrameMkLst>
        </pc:graphicFrameChg>
        <pc:picChg chg="mod">
          <ac:chgData name="Alexander Gottberg" userId="78061ade-8422-47e0-b8e9-57f3b70c64a8" providerId="ADAL" clId="{92B5DE1F-26A6-914E-97B9-BCB7AD2E4D19}" dt="2024-05-23T16:44:01.827" v="642"/>
          <ac:picMkLst>
            <pc:docMk/>
            <pc:sldMk cId="1190845150" sldId="5407"/>
            <ac:picMk id="20" creationId="{EBFB6C67-D75C-4387-1612-0E6E45D4E4E5}"/>
          </ac:picMkLst>
        </pc:picChg>
        <pc:picChg chg="mod">
          <ac:chgData name="Alexander Gottberg" userId="78061ade-8422-47e0-b8e9-57f3b70c64a8" providerId="ADAL" clId="{92B5DE1F-26A6-914E-97B9-BCB7AD2E4D19}" dt="2024-05-23T16:44:01.827" v="642"/>
          <ac:picMkLst>
            <pc:docMk/>
            <pc:sldMk cId="1190845150" sldId="5407"/>
            <ac:picMk id="21" creationId="{AAE4736E-4CE6-A70F-BEAE-6012CDDE1C58}"/>
          </ac:picMkLst>
        </pc:picChg>
        <pc:picChg chg="mod">
          <ac:chgData name="Alexander Gottberg" userId="78061ade-8422-47e0-b8e9-57f3b70c64a8" providerId="ADAL" clId="{92B5DE1F-26A6-914E-97B9-BCB7AD2E4D19}" dt="2024-05-23T16:45:22.964" v="656"/>
          <ac:picMkLst>
            <pc:docMk/>
            <pc:sldMk cId="1190845150" sldId="5407"/>
            <ac:picMk id="24" creationId="{198D0EFE-04D4-691B-B3CE-9E559A65E054}"/>
          </ac:picMkLst>
        </pc:picChg>
        <pc:picChg chg="mod">
          <ac:chgData name="Alexander Gottberg" userId="78061ade-8422-47e0-b8e9-57f3b70c64a8" providerId="ADAL" clId="{92B5DE1F-26A6-914E-97B9-BCB7AD2E4D19}" dt="2024-05-23T16:45:22.964" v="656"/>
          <ac:picMkLst>
            <pc:docMk/>
            <pc:sldMk cId="1190845150" sldId="5407"/>
            <ac:picMk id="25" creationId="{3C5DAA86-3E3B-5636-3240-6159C14EF712}"/>
          </ac:picMkLst>
        </pc:picChg>
      </pc:sldChg>
      <pc:sldChg chg="modSp new mod">
        <pc:chgData name="Alexander Gottberg" userId="78061ade-8422-47e0-b8e9-57f3b70c64a8" providerId="ADAL" clId="{92B5DE1F-26A6-914E-97B9-BCB7AD2E4D19}" dt="2024-05-24T04:45:15.518" v="10689" actId="20577"/>
        <pc:sldMkLst>
          <pc:docMk/>
          <pc:sldMk cId="3041929871" sldId="5408"/>
        </pc:sldMkLst>
        <pc:spChg chg="mod">
          <ac:chgData name="Alexander Gottberg" userId="78061ade-8422-47e0-b8e9-57f3b70c64a8" providerId="ADAL" clId="{92B5DE1F-26A6-914E-97B9-BCB7AD2E4D19}" dt="2024-05-23T21:42:59.704" v="6653" actId="20577"/>
          <ac:spMkLst>
            <pc:docMk/>
            <pc:sldMk cId="3041929871" sldId="5408"/>
            <ac:spMk id="2" creationId="{617E273E-63BA-CDF3-B550-B46FD42F1C84}"/>
          </ac:spMkLst>
        </pc:spChg>
        <pc:spChg chg="mod">
          <ac:chgData name="Alexander Gottberg" userId="78061ade-8422-47e0-b8e9-57f3b70c64a8" providerId="ADAL" clId="{92B5DE1F-26A6-914E-97B9-BCB7AD2E4D19}" dt="2024-05-24T04:45:15.518" v="10689" actId="20577"/>
          <ac:spMkLst>
            <pc:docMk/>
            <pc:sldMk cId="3041929871" sldId="5408"/>
            <ac:spMk id="3" creationId="{8D447ABB-98CA-E8ED-0D7B-3CE3CCBE9C5A}"/>
          </ac:spMkLst>
        </pc:spChg>
      </pc:sldChg>
      <pc:sldChg chg="modSp new del mod ord">
        <pc:chgData name="Alexander Gottberg" userId="78061ade-8422-47e0-b8e9-57f3b70c64a8" providerId="ADAL" clId="{92B5DE1F-26A6-914E-97B9-BCB7AD2E4D19}" dt="2024-05-23T22:32:42.630" v="8581" actId="2696"/>
        <pc:sldMkLst>
          <pc:docMk/>
          <pc:sldMk cId="3328506973" sldId="5409"/>
        </pc:sldMkLst>
        <pc:spChg chg="mod">
          <ac:chgData name="Alexander Gottberg" userId="78061ade-8422-47e0-b8e9-57f3b70c64a8" providerId="ADAL" clId="{92B5DE1F-26A6-914E-97B9-BCB7AD2E4D19}" dt="2024-05-23T17:29:39.447" v="2144" actId="20577"/>
          <ac:spMkLst>
            <pc:docMk/>
            <pc:sldMk cId="3328506973" sldId="5409"/>
            <ac:spMk id="2" creationId="{806E7791-24E4-EB62-35D9-05A04486FF3F}"/>
          </ac:spMkLst>
        </pc:spChg>
        <pc:spChg chg="mod">
          <ac:chgData name="Alexander Gottberg" userId="78061ade-8422-47e0-b8e9-57f3b70c64a8" providerId="ADAL" clId="{92B5DE1F-26A6-914E-97B9-BCB7AD2E4D19}" dt="2024-05-23T17:31:43.308" v="2569" actId="20577"/>
          <ac:spMkLst>
            <pc:docMk/>
            <pc:sldMk cId="3328506973" sldId="5409"/>
            <ac:spMk id="3" creationId="{56323348-FFFB-F84B-D4A8-53604B64157C}"/>
          </ac:spMkLst>
        </pc:spChg>
      </pc:sldChg>
      <pc:sldChg chg="addSp delSp modSp new mod ord">
        <pc:chgData name="Alexander Gottberg" userId="78061ade-8422-47e0-b8e9-57f3b70c64a8" providerId="ADAL" clId="{92B5DE1F-26A6-914E-97B9-BCB7AD2E4D19}" dt="2024-05-24T04:34:08.217" v="10368" actId="1036"/>
        <pc:sldMkLst>
          <pc:docMk/>
          <pc:sldMk cId="2125876135" sldId="5410"/>
        </pc:sldMkLst>
        <pc:spChg chg="mod">
          <ac:chgData name="Alexander Gottberg" userId="78061ade-8422-47e0-b8e9-57f3b70c64a8" providerId="ADAL" clId="{92B5DE1F-26A6-914E-97B9-BCB7AD2E4D19}" dt="2024-05-23T18:55:05.723" v="3130" actId="20577"/>
          <ac:spMkLst>
            <pc:docMk/>
            <pc:sldMk cId="2125876135" sldId="5410"/>
            <ac:spMk id="2" creationId="{CC22FE52-CFD9-60E5-502C-74CC5103FF77}"/>
          </ac:spMkLst>
        </pc:spChg>
        <pc:spChg chg="mod">
          <ac:chgData name="Alexander Gottberg" userId="78061ade-8422-47e0-b8e9-57f3b70c64a8" providerId="ADAL" clId="{92B5DE1F-26A6-914E-97B9-BCB7AD2E4D19}" dt="2024-05-24T04:33:35.266" v="10364" actId="20577"/>
          <ac:spMkLst>
            <pc:docMk/>
            <pc:sldMk cId="2125876135" sldId="5410"/>
            <ac:spMk id="3" creationId="{822AE7F6-030B-F21A-BCB3-2077A5622E56}"/>
          </ac:spMkLst>
        </pc:spChg>
        <pc:graphicFrameChg chg="add del mod">
          <ac:chgData name="Alexander Gottberg" userId="78061ade-8422-47e0-b8e9-57f3b70c64a8" providerId="ADAL" clId="{92B5DE1F-26A6-914E-97B9-BCB7AD2E4D19}" dt="2024-05-23T21:16:29.256" v="5639" actId="478"/>
          <ac:graphicFrameMkLst>
            <pc:docMk/>
            <pc:sldMk cId="2125876135" sldId="5410"/>
            <ac:graphicFrameMk id="4" creationId="{D84FF781-B6F1-10A8-62DE-3CEFDFBAD3D6}"/>
          </ac:graphicFrameMkLst>
        </pc:graphicFrameChg>
        <pc:graphicFrameChg chg="add mod modGraphic">
          <ac:chgData name="Alexander Gottberg" userId="78061ade-8422-47e0-b8e9-57f3b70c64a8" providerId="ADAL" clId="{92B5DE1F-26A6-914E-97B9-BCB7AD2E4D19}" dt="2024-05-24T04:34:08.217" v="10368" actId="1036"/>
          <ac:graphicFrameMkLst>
            <pc:docMk/>
            <pc:sldMk cId="2125876135" sldId="5410"/>
            <ac:graphicFrameMk id="5" creationId="{77E22C52-5809-EAFB-8795-6947794E10BD}"/>
          </ac:graphicFrameMkLst>
        </pc:graphicFrameChg>
      </pc:sldChg>
      <pc:sldChg chg="new del">
        <pc:chgData name="Alexander Gottberg" userId="78061ade-8422-47e0-b8e9-57f3b70c64a8" providerId="ADAL" clId="{92B5DE1F-26A6-914E-97B9-BCB7AD2E4D19}" dt="2024-05-23T17:38:26.816" v="2959" actId="2696"/>
        <pc:sldMkLst>
          <pc:docMk/>
          <pc:sldMk cId="3527511741" sldId="5410"/>
        </pc:sldMkLst>
      </pc:sldChg>
      <pc:sldChg chg="new del">
        <pc:chgData name="Alexander Gottberg" userId="78061ade-8422-47e0-b8e9-57f3b70c64a8" providerId="ADAL" clId="{92B5DE1F-26A6-914E-97B9-BCB7AD2E4D19}" dt="2024-05-23T20:48:00.188" v="3639" actId="2696"/>
        <pc:sldMkLst>
          <pc:docMk/>
          <pc:sldMk cId="957841239" sldId="5411"/>
        </pc:sldMkLst>
      </pc:sldChg>
      <pc:sldChg chg="modSp new mod">
        <pc:chgData name="Alexander Gottberg" userId="78061ade-8422-47e0-b8e9-57f3b70c64a8" providerId="ADAL" clId="{92B5DE1F-26A6-914E-97B9-BCB7AD2E4D19}" dt="2024-05-24T04:35:50.596" v="10455" actId="20577"/>
        <pc:sldMkLst>
          <pc:docMk/>
          <pc:sldMk cId="1124417123" sldId="5411"/>
        </pc:sldMkLst>
        <pc:spChg chg="mod">
          <ac:chgData name="Alexander Gottberg" userId="78061ade-8422-47e0-b8e9-57f3b70c64a8" providerId="ADAL" clId="{92B5DE1F-26A6-914E-97B9-BCB7AD2E4D19}" dt="2024-05-23T21:15:36.527" v="5626" actId="20577"/>
          <ac:spMkLst>
            <pc:docMk/>
            <pc:sldMk cId="1124417123" sldId="5411"/>
            <ac:spMk id="2" creationId="{C656A10D-E0BE-F671-41A4-B8C76E8E5C5B}"/>
          </ac:spMkLst>
        </pc:spChg>
        <pc:spChg chg="mod">
          <ac:chgData name="Alexander Gottberg" userId="78061ade-8422-47e0-b8e9-57f3b70c64a8" providerId="ADAL" clId="{92B5DE1F-26A6-914E-97B9-BCB7AD2E4D19}" dt="2024-05-24T04:35:50.596" v="10455" actId="20577"/>
          <ac:spMkLst>
            <pc:docMk/>
            <pc:sldMk cId="1124417123" sldId="5411"/>
            <ac:spMk id="3" creationId="{F4F79D02-49FC-AE9F-2FDB-2117FB3E18AE}"/>
          </ac:spMkLst>
        </pc:spChg>
      </pc:sldChg>
      <pc:sldChg chg="addSp delSp modSp new mod">
        <pc:chgData name="Alexander Gottberg" userId="78061ade-8422-47e0-b8e9-57f3b70c64a8" providerId="ADAL" clId="{92B5DE1F-26A6-914E-97B9-BCB7AD2E4D19}" dt="2024-05-24T04:36:08.520" v="10456" actId="14100"/>
        <pc:sldMkLst>
          <pc:docMk/>
          <pc:sldMk cId="3078383709" sldId="5412"/>
        </pc:sldMkLst>
        <pc:spChg chg="add del">
          <ac:chgData name="Alexander Gottberg" userId="78061ade-8422-47e0-b8e9-57f3b70c64a8" providerId="ADAL" clId="{92B5DE1F-26A6-914E-97B9-BCB7AD2E4D19}" dt="2024-05-23T22:04:03.453" v="7856" actId="478"/>
          <ac:spMkLst>
            <pc:docMk/>
            <pc:sldMk cId="3078383709" sldId="5412"/>
            <ac:spMk id="2" creationId="{F4142AD3-C6F6-72DB-56F0-79A5A8ED5A70}"/>
          </ac:spMkLst>
        </pc:spChg>
        <pc:spChg chg="del">
          <ac:chgData name="Alexander Gottberg" userId="78061ade-8422-47e0-b8e9-57f3b70c64a8" providerId="ADAL" clId="{92B5DE1F-26A6-914E-97B9-BCB7AD2E4D19}" dt="2024-05-23T22:03:03.984" v="7843" actId="478"/>
          <ac:spMkLst>
            <pc:docMk/>
            <pc:sldMk cId="3078383709" sldId="5412"/>
            <ac:spMk id="3" creationId="{DBB29DBC-5A12-610E-EE8D-D99716B3E023}"/>
          </ac:spMkLst>
        </pc:spChg>
        <pc:spChg chg="add del mod">
          <ac:chgData name="Alexander Gottberg" userId="78061ade-8422-47e0-b8e9-57f3b70c64a8" providerId="ADAL" clId="{92B5DE1F-26A6-914E-97B9-BCB7AD2E4D19}" dt="2024-05-23T22:20:28.410" v="7864" actId="478"/>
          <ac:spMkLst>
            <pc:docMk/>
            <pc:sldMk cId="3078383709" sldId="5412"/>
            <ac:spMk id="5" creationId="{6826D753-05BC-2AA4-6E5D-AE9C9D972D5A}"/>
          </ac:spMkLst>
        </pc:spChg>
        <pc:spChg chg="add mod">
          <ac:chgData name="Alexander Gottberg" userId="78061ade-8422-47e0-b8e9-57f3b70c64a8" providerId="ADAL" clId="{92B5DE1F-26A6-914E-97B9-BCB7AD2E4D19}" dt="2024-05-24T04:36:08.520" v="10456" actId="14100"/>
          <ac:spMkLst>
            <pc:docMk/>
            <pc:sldMk cId="3078383709" sldId="5412"/>
            <ac:spMk id="7" creationId="{9CE1803D-C60C-1F7B-A836-0E61F809273E}"/>
          </ac:spMkLst>
        </pc:spChg>
        <pc:picChg chg="add del mod modCrop">
          <ac:chgData name="Alexander Gottberg" userId="78061ade-8422-47e0-b8e9-57f3b70c64a8" providerId="ADAL" clId="{92B5DE1F-26A6-914E-97B9-BCB7AD2E4D19}" dt="2024-05-23T22:20:27.603" v="7863" actId="478"/>
          <ac:picMkLst>
            <pc:docMk/>
            <pc:sldMk cId="3078383709" sldId="5412"/>
            <ac:picMk id="4" creationId="{677B23A2-807B-6400-5FD9-38EF6EA7D2DF}"/>
          </ac:picMkLst>
        </pc:picChg>
        <pc:picChg chg="add mod">
          <ac:chgData name="Alexander Gottberg" userId="78061ade-8422-47e0-b8e9-57f3b70c64a8" providerId="ADAL" clId="{92B5DE1F-26A6-914E-97B9-BCB7AD2E4D19}" dt="2024-05-23T22:20:36.816" v="7868" actId="1076"/>
          <ac:picMkLst>
            <pc:docMk/>
            <pc:sldMk cId="3078383709" sldId="5412"/>
            <ac:picMk id="6" creationId="{22F17605-C73D-83AD-D006-389914E3FFAD}"/>
          </ac:picMkLst>
        </pc:picChg>
      </pc:sldChg>
      <pc:sldChg chg="addSp modSp new mod">
        <pc:chgData name="Alexander Gottberg" userId="78061ade-8422-47e0-b8e9-57f3b70c64a8" providerId="ADAL" clId="{92B5DE1F-26A6-914E-97B9-BCB7AD2E4D19}" dt="2024-05-23T22:40:50.263" v="8611" actId="20577"/>
        <pc:sldMkLst>
          <pc:docMk/>
          <pc:sldMk cId="1565124564" sldId="5413"/>
        </pc:sldMkLst>
        <pc:spChg chg="add mod">
          <ac:chgData name="Alexander Gottberg" userId="78061ade-8422-47e0-b8e9-57f3b70c64a8" providerId="ADAL" clId="{92B5DE1F-26A6-914E-97B9-BCB7AD2E4D19}" dt="2024-05-23T22:40:50.263" v="8611" actId="20577"/>
          <ac:spMkLst>
            <pc:docMk/>
            <pc:sldMk cId="1565124564" sldId="5413"/>
            <ac:spMk id="5" creationId="{0339A885-BAA8-0D70-3A8E-8EF9BDC667F7}"/>
          </ac:spMkLst>
        </pc:spChg>
        <pc:picChg chg="add mod">
          <ac:chgData name="Alexander Gottberg" userId="78061ade-8422-47e0-b8e9-57f3b70c64a8" providerId="ADAL" clId="{92B5DE1F-26A6-914E-97B9-BCB7AD2E4D19}" dt="2024-05-23T22:40:28.595" v="8586" actId="1076"/>
          <ac:picMkLst>
            <pc:docMk/>
            <pc:sldMk cId="1565124564" sldId="5413"/>
            <ac:picMk id="4" creationId="{47BB98EF-9B68-4332-D256-FE6FBBDDE2D8}"/>
          </ac:picMkLst>
        </pc:picChg>
      </pc:sldChg>
      <pc:sldMasterChg chg="delSldLayout modSldLayout">
        <pc:chgData name="Alexander Gottberg" userId="78061ade-8422-47e0-b8e9-57f3b70c64a8" providerId="ADAL" clId="{92B5DE1F-26A6-914E-97B9-BCB7AD2E4D19}" dt="2024-05-23T17:36:01.028" v="2955" actId="2696"/>
        <pc:sldMasterMkLst>
          <pc:docMk/>
          <pc:sldMasterMk cId="1448015407" sldId="2147483648"/>
        </pc:sldMasterMkLst>
        <pc:sldLayoutChg chg="modSp mod">
          <pc:chgData name="Alexander Gottberg" userId="78061ade-8422-47e0-b8e9-57f3b70c64a8" providerId="ADAL" clId="{92B5DE1F-26A6-914E-97B9-BCB7AD2E4D19}" dt="2024-05-23T17:35:33.560" v="2946" actId="20577"/>
          <pc:sldLayoutMkLst>
            <pc:docMk/>
            <pc:sldMasterMk cId="1448015407" sldId="2147483648"/>
            <pc:sldLayoutMk cId="2047751535" sldId="2147483663"/>
          </pc:sldLayoutMkLst>
          <pc:spChg chg="mod">
            <ac:chgData name="Alexander Gottberg" userId="78061ade-8422-47e0-b8e9-57f3b70c64a8" providerId="ADAL" clId="{92B5DE1F-26A6-914E-97B9-BCB7AD2E4D19}" dt="2024-05-23T17:35:24.751" v="2931" actId="20577"/>
            <ac:spMkLst>
              <pc:docMk/>
              <pc:sldMasterMk cId="1448015407" sldId="2147483648"/>
              <pc:sldLayoutMk cId="2047751535" sldId="2147483663"/>
              <ac:spMk id="3" creationId="{1813ED7E-679D-384A-E2E1-53B511B5B97C}"/>
            </ac:spMkLst>
          </pc:spChg>
          <pc:spChg chg="mod">
            <ac:chgData name="Alexander Gottberg" userId="78061ade-8422-47e0-b8e9-57f3b70c64a8" providerId="ADAL" clId="{92B5DE1F-26A6-914E-97B9-BCB7AD2E4D19}" dt="2024-05-23T17:35:33.560" v="2946" actId="20577"/>
            <ac:spMkLst>
              <pc:docMk/>
              <pc:sldMasterMk cId="1448015407" sldId="2147483648"/>
              <pc:sldLayoutMk cId="2047751535" sldId="2147483663"/>
              <ac:spMk id="4" creationId="{47FD642C-DFDE-3784-70B8-FEDBF562F697}"/>
            </ac:spMkLst>
          </pc:spChg>
        </pc:sldLayoutChg>
        <pc:sldLayoutChg chg="addSp delSp modSp mod">
          <pc:chgData name="Alexander Gottberg" userId="78061ade-8422-47e0-b8e9-57f3b70c64a8" providerId="ADAL" clId="{92B5DE1F-26A6-914E-97B9-BCB7AD2E4D19}" dt="2024-05-23T17:35:45.616" v="2949"/>
          <pc:sldLayoutMkLst>
            <pc:docMk/>
            <pc:sldMasterMk cId="1448015407" sldId="2147483648"/>
            <pc:sldLayoutMk cId="1497581615" sldId="2147483664"/>
          </pc:sldLayoutMkLst>
          <pc:spChg chg="add mod">
            <ac:chgData name="Alexander Gottberg" userId="78061ade-8422-47e0-b8e9-57f3b70c64a8" providerId="ADAL" clId="{92B5DE1F-26A6-914E-97B9-BCB7AD2E4D19}" dt="2024-05-23T17:35:45.616" v="2949"/>
            <ac:spMkLst>
              <pc:docMk/>
              <pc:sldMasterMk cId="1448015407" sldId="2147483648"/>
              <pc:sldLayoutMk cId="1497581615" sldId="2147483664"/>
              <ac:spMk id="2" creationId="{33AE4AB7-1401-E972-A619-3424554A246A}"/>
            </ac:spMkLst>
          </pc:spChg>
          <pc:spChg chg="add mod">
            <ac:chgData name="Alexander Gottberg" userId="78061ade-8422-47e0-b8e9-57f3b70c64a8" providerId="ADAL" clId="{92B5DE1F-26A6-914E-97B9-BCB7AD2E4D19}" dt="2024-05-23T17:35:45.616" v="2949"/>
            <ac:spMkLst>
              <pc:docMk/>
              <pc:sldMasterMk cId="1448015407" sldId="2147483648"/>
              <pc:sldLayoutMk cId="1497581615" sldId="2147483664"/>
              <ac:spMk id="3" creationId="{803DB92D-1E55-D065-5DF5-510420DD9436}"/>
            </ac:spMkLst>
          </pc:spChg>
          <pc:spChg chg="add mod">
            <ac:chgData name="Alexander Gottberg" userId="78061ade-8422-47e0-b8e9-57f3b70c64a8" providerId="ADAL" clId="{92B5DE1F-26A6-914E-97B9-BCB7AD2E4D19}" dt="2024-05-23T17:35:45.616" v="2949"/>
            <ac:spMkLst>
              <pc:docMk/>
              <pc:sldMasterMk cId="1448015407" sldId="2147483648"/>
              <pc:sldLayoutMk cId="1497581615" sldId="2147483664"/>
              <ac:spMk id="4" creationId="{4D14B51E-D42C-F2D4-6179-6207DDB850C3}"/>
            </ac:spMkLst>
          </pc:spChg>
          <pc:spChg chg="del">
            <ac:chgData name="Alexander Gottberg" userId="78061ade-8422-47e0-b8e9-57f3b70c64a8" providerId="ADAL" clId="{92B5DE1F-26A6-914E-97B9-BCB7AD2E4D19}" dt="2024-05-23T17:35:43.160" v="2947" actId="478"/>
            <ac:spMkLst>
              <pc:docMk/>
              <pc:sldMasterMk cId="1448015407" sldId="2147483648"/>
              <pc:sldLayoutMk cId="1497581615" sldId="2147483664"/>
              <ac:spMk id="5" creationId="{5E7FD710-0827-C1B7-EB55-5903CD3E4DCB}"/>
            </ac:spMkLst>
          </pc:spChg>
          <pc:spChg chg="del">
            <ac:chgData name="Alexander Gottberg" userId="78061ade-8422-47e0-b8e9-57f3b70c64a8" providerId="ADAL" clId="{92B5DE1F-26A6-914E-97B9-BCB7AD2E4D19}" dt="2024-05-23T17:35:43.160" v="2947" actId="478"/>
            <ac:spMkLst>
              <pc:docMk/>
              <pc:sldMasterMk cId="1448015407" sldId="2147483648"/>
              <pc:sldLayoutMk cId="1497581615" sldId="2147483664"/>
              <ac:spMk id="6" creationId="{B71C71D4-A6CC-891E-8932-4310194F1A1B}"/>
            </ac:spMkLst>
          </pc:spChg>
          <pc:spChg chg="del">
            <ac:chgData name="Alexander Gottberg" userId="78061ade-8422-47e0-b8e9-57f3b70c64a8" providerId="ADAL" clId="{92B5DE1F-26A6-914E-97B9-BCB7AD2E4D19}" dt="2024-05-23T17:35:45.289" v="2948" actId="478"/>
            <ac:spMkLst>
              <pc:docMk/>
              <pc:sldMasterMk cId="1448015407" sldId="2147483648"/>
              <pc:sldLayoutMk cId="1497581615" sldId="2147483664"/>
              <ac:spMk id="8" creationId="{A04DED77-0002-621B-08DA-517514B16170}"/>
            </ac:spMkLst>
          </pc:spChg>
        </pc:sldLayoutChg>
        <pc:sldLayoutChg chg="addSp delSp modSp mod">
          <pc:chgData name="Alexander Gottberg" userId="78061ade-8422-47e0-b8e9-57f3b70c64a8" providerId="ADAL" clId="{92B5DE1F-26A6-914E-97B9-BCB7AD2E4D19}" dt="2024-05-23T17:35:57.201" v="2954"/>
          <pc:sldLayoutMkLst>
            <pc:docMk/>
            <pc:sldMasterMk cId="1448015407" sldId="2147483648"/>
            <pc:sldLayoutMk cId="2849305806" sldId="2147483667"/>
          </pc:sldLayoutMkLst>
          <pc:spChg chg="add del mod">
            <ac:chgData name="Alexander Gottberg" userId="78061ade-8422-47e0-b8e9-57f3b70c64a8" providerId="ADAL" clId="{92B5DE1F-26A6-914E-97B9-BCB7AD2E4D19}" dt="2024-05-23T17:35:55.378" v="2952"/>
            <ac:spMkLst>
              <pc:docMk/>
              <pc:sldMasterMk cId="1448015407" sldId="2147483648"/>
              <pc:sldLayoutMk cId="2849305806" sldId="2147483667"/>
              <ac:spMk id="2" creationId="{0F3F227A-0DB1-5364-89F4-06218E946446}"/>
            </ac:spMkLst>
          </pc:spChg>
          <pc:spChg chg="add mod">
            <ac:chgData name="Alexander Gottberg" userId="78061ade-8422-47e0-b8e9-57f3b70c64a8" providerId="ADAL" clId="{92B5DE1F-26A6-914E-97B9-BCB7AD2E4D19}" dt="2024-05-23T17:35:57.201" v="2954"/>
            <ac:spMkLst>
              <pc:docMk/>
              <pc:sldMasterMk cId="1448015407" sldId="2147483648"/>
              <pc:sldLayoutMk cId="2849305806" sldId="2147483667"/>
              <ac:spMk id="3" creationId="{4CDF537C-12C4-7DF2-C7F5-9E354529CBF1}"/>
            </ac:spMkLst>
          </pc:spChg>
          <pc:spChg chg="add mod">
            <ac:chgData name="Alexander Gottberg" userId="78061ade-8422-47e0-b8e9-57f3b70c64a8" providerId="ADAL" clId="{92B5DE1F-26A6-914E-97B9-BCB7AD2E4D19}" dt="2024-05-23T17:35:57.201" v="2954"/>
            <ac:spMkLst>
              <pc:docMk/>
              <pc:sldMasterMk cId="1448015407" sldId="2147483648"/>
              <pc:sldLayoutMk cId="2849305806" sldId="2147483667"/>
              <ac:spMk id="4" creationId="{23B719C1-FA8F-8C93-7706-9058B42B7871}"/>
            </ac:spMkLst>
          </pc:spChg>
          <pc:spChg chg="del">
            <ac:chgData name="Alexander Gottberg" userId="78061ade-8422-47e0-b8e9-57f3b70c64a8" providerId="ADAL" clId="{92B5DE1F-26A6-914E-97B9-BCB7AD2E4D19}" dt="2024-05-23T17:35:56.918" v="2953" actId="478"/>
            <ac:spMkLst>
              <pc:docMk/>
              <pc:sldMasterMk cId="1448015407" sldId="2147483648"/>
              <pc:sldLayoutMk cId="2849305806" sldId="2147483667"/>
              <ac:spMk id="5" creationId="{21CE0AD1-B60E-5148-3A4B-CFDE89DA8CC3}"/>
            </ac:spMkLst>
          </pc:spChg>
          <pc:spChg chg="del">
            <ac:chgData name="Alexander Gottberg" userId="78061ade-8422-47e0-b8e9-57f3b70c64a8" providerId="ADAL" clId="{92B5DE1F-26A6-914E-97B9-BCB7AD2E4D19}" dt="2024-05-23T17:35:56.918" v="2953" actId="478"/>
            <ac:spMkLst>
              <pc:docMk/>
              <pc:sldMasterMk cId="1448015407" sldId="2147483648"/>
              <pc:sldLayoutMk cId="2849305806" sldId="2147483667"/>
              <ac:spMk id="6" creationId="{6481B6A6-5608-D226-ACB4-556A64007AFE}"/>
            </ac:spMkLst>
          </pc:spChg>
          <pc:spChg chg="del">
            <ac:chgData name="Alexander Gottberg" userId="78061ade-8422-47e0-b8e9-57f3b70c64a8" providerId="ADAL" clId="{92B5DE1F-26A6-914E-97B9-BCB7AD2E4D19}" dt="2024-05-23T17:35:56.918" v="2953" actId="478"/>
            <ac:spMkLst>
              <pc:docMk/>
              <pc:sldMasterMk cId="1448015407" sldId="2147483648"/>
              <pc:sldLayoutMk cId="2849305806" sldId="2147483667"/>
              <ac:spMk id="7" creationId="{54D7D690-F1CA-C8AB-4EBA-64CC9E35DF72}"/>
            </ac:spMkLst>
          </pc:spChg>
          <pc:spChg chg="add mod">
            <ac:chgData name="Alexander Gottberg" userId="78061ade-8422-47e0-b8e9-57f3b70c64a8" providerId="ADAL" clId="{92B5DE1F-26A6-914E-97B9-BCB7AD2E4D19}" dt="2024-05-23T17:35:57.201" v="2954"/>
            <ac:spMkLst>
              <pc:docMk/>
              <pc:sldMasterMk cId="1448015407" sldId="2147483648"/>
              <pc:sldLayoutMk cId="2849305806" sldId="2147483667"/>
              <ac:spMk id="8" creationId="{6F5A994E-8033-1E84-A823-1E6439840B97}"/>
            </ac:spMkLst>
          </pc:spChg>
        </pc:sldLayoutChg>
        <pc:sldLayoutChg chg="del">
          <pc:chgData name="Alexander Gottberg" userId="78061ade-8422-47e0-b8e9-57f3b70c64a8" providerId="ADAL" clId="{92B5DE1F-26A6-914E-97B9-BCB7AD2E4D19}" dt="2024-05-23T17:36:01.028" v="2955" actId="2696"/>
          <pc:sldLayoutMkLst>
            <pc:docMk/>
            <pc:sldMasterMk cId="1448015407" sldId="2147483648"/>
            <pc:sldLayoutMk cId="689844761" sldId="2147483668"/>
          </pc:sldLayoutMkLst>
        </pc:sldLayoutChg>
      </pc:sldMasterChg>
    </pc:docChg>
  </pc:docChgLst>
</pc:chgInfo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.xm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package" Target="../embeddings/Microsoft_Excel_Worksheet.xlsx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2.xml"/><Relationship Id="rId2" Type="http://schemas.microsoft.com/office/2011/relationships/chartColorStyle" Target="colors2.xml"/><Relationship Id="rId1" Type="http://schemas.microsoft.com/office/2011/relationships/chartStyle" Target="style2.xml"/><Relationship Id="rId4" Type="http://schemas.openxmlformats.org/officeDocument/2006/relationships/oleObject" Target="https://triumfoffice365-my.sharepoint.com/personal/gottberg_triumf_ca/Documents/2024-05-16%205YP%20Operational%20Scenarios%20Shift%20Comparison.xlsx" TargetMode="Externa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3.xml"/><Relationship Id="rId2" Type="http://schemas.microsoft.com/office/2011/relationships/chartColorStyle" Target="colors3.xml"/><Relationship Id="rId1" Type="http://schemas.microsoft.com/office/2011/relationships/chartStyle" Target="style3.xml"/><Relationship Id="rId4" Type="http://schemas.openxmlformats.org/officeDocument/2006/relationships/oleObject" Target="https://triumfoffice365-my.sharepoint.com/personal/gottberg_triumf_ca/Documents/2024-05-16%205YP%20Operational%20Scenarios%20Shift%20Comparison.xlsx" TargetMode="Externa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4.xml"/><Relationship Id="rId2" Type="http://schemas.microsoft.com/office/2011/relationships/chartColorStyle" Target="colors4.xml"/><Relationship Id="rId1" Type="http://schemas.microsoft.com/office/2011/relationships/chartStyle" Target="style4.xml"/><Relationship Id="rId4" Type="http://schemas.openxmlformats.org/officeDocument/2006/relationships/oleObject" Target="https://triumfoffice365-my.sharepoint.com/personal/gottberg_triumf_ca/Documents/2024-05-16%205YP%20Operational%20Scenarios%20Shift%20Comparison.xlsx" TargetMode="External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5.xml"/><Relationship Id="rId2" Type="http://schemas.microsoft.com/office/2011/relationships/chartColorStyle" Target="colors5.xml"/><Relationship Id="rId1" Type="http://schemas.microsoft.com/office/2011/relationships/chartStyle" Target="style5.xml"/><Relationship Id="rId4" Type="http://schemas.openxmlformats.org/officeDocument/2006/relationships/oleObject" Target="https://triumfoffice365-my.sharepoint.com/personal/gottberg_triumf_ca/Documents/2024-05-16%205YP%20Operational%20Scenarios%20Shift%20Comparison.xlsx" TargetMode="Externa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2000" b="1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2000" b="1"/>
              <a:t>RIB Hours in Different Scenarios</a:t>
            </a:r>
          </a:p>
        </c:rich>
      </c:tx>
      <c:layout>
        <c:manualLayout>
          <c:xMode val="edge"/>
          <c:yMode val="edge"/>
          <c:x val="0.33925663429790343"/>
          <c:y val="2.10162811640835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1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6.2412739349012536E-2"/>
          <c:y val="4.6553690802926657E-2"/>
          <c:w val="0.90641117824844175"/>
          <c:h val="0.61333712295800735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'6 months - 6 months'!$C$1</c:f>
              <c:strCache>
                <c:ptCount val="1"/>
                <c:pt idx="0">
                  <c:v>ITE/ITW</c:v>
                </c:pt>
              </c:strCache>
            </c:strRef>
          </c:tx>
          <c:spPr>
            <a:solidFill>
              <a:schemeClr val="bg1">
                <a:lumMod val="50000"/>
              </a:schemeClr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6 months - 6 months'!$A$2:$B$31</c:f>
              <c:multiLvlStrCache>
                <c:ptCount val="29"/>
                <c:lvl>
                  <c:pt idx="1">
                    <c:v>6 month operation   </c:v>
                  </c:pt>
                  <c:pt idx="6">
                    <c:v>6 month operation   </c:v>
                  </c:pt>
                  <c:pt idx="11">
                    <c:v>6 month operation   </c:v>
                  </c:pt>
                  <c:pt idx="16">
                    <c:v>6 month operation   </c:v>
                  </c:pt>
                  <c:pt idx="17">
                    <c:v>   </c:v>
                  </c:pt>
                  <c:pt idx="18">
                    <c:v>   </c:v>
                  </c:pt>
                  <c:pt idx="21">
                    <c:v>6 month operation   </c:v>
                  </c:pt>
                  <c:pt idx="22">
                    <c:v>   </c:v>
                  </c:pt>
                  <c:pt idx="23">
                    <c:v>   </c:v>
                  </c:pt>
                  <c:pt idx="26">
                    <c:v>6 month operation   </c:v>
                  </c:pt>
                  <c:pt idx="27">
                    <c:v>   </c:v>
                  </c:pt>
                  <c:pt idx="28">
                    <c:v> 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6 months - 6 months'!$C$2:$C$31</c:f>
              <c:numCache>
                <c:formatCode>General</c:formatCode>
                <c:ptCount val="30"/>
                <c:pt idx="1">
                  <c:v>3200</c:v>
                </c:pt>
                <c:pt idx="6">
                  <c:v>3200</c:v>
                </c:pt>
                <c:pt idx="11">
                  <c:v>3200</c:v>
                </c:pt>
                <c:pt idx="16">
                  <c:v>3200</c:v>
                </c:pt>
                <c:pt idx="21">
                  <c:v>3200</c:v>
                </c:pt>
                <c:pt idx="26">
                  <c:v>32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D98B-DC49-9A4E-5D1DDF6BB38D}"/>
            </c:ext>
          </c:extLst>
        </c:ser>
        <c:ser>
          <c:idx val="1"/>
          <c:order val="1"/>
          <c:tx>
            <c:strRef>
              <c:f>'6 months - 6 months'!$D$1</c:f>
              <c:strCache>
                <c:ptCount val="1"/>
                <c:pt idx="0">
                  <c:v>APTW</c:v>
                </c:pt>
              </c:strCache>
            </c:strRef>
          </c:tx>
          <c:spPr>
            <a:solidFill>
              <a:schemeClr val="accent2"/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6 months - 6 months'!$A$2:$B$31</c:f>
              <c:multiLvlStrCache>
                <c:ptCount val="29"/>
                <c:lvl>
                  <c:pt idx="1">
                    <c:v>6 month operation   </c:v>
                  </c:pt>
                  <c:pt idx="6">
                    <c:v>6 month operation   </c:v>
                  </c:pt>
                  <c:pt idx="11">
                    <c:v>6 month operation   </c:v>
                  </c:pt>
                  <c:pt idx="16">
                    <c:v>6 month operation   </c:v>
                  </c:pt>
                  <c:pt idx="17">
                    <c:v>   </c:v>
                  </c:pt>
                  <c:pt idx="18">
                    <c:v>   </c:v>
                  </c:pt>
                  <c:pt idx="21">
                    <c:v>6 month operation   </c:v>
                  </c:pt>
                  <c:pt idx="22">
                    <c:v>   </c:v>
                  </c:pt>
                  <c:pt idx="23">
                    <c:v>   </c:v>
                  </c:pt>
                  <c:pt idx="26">
                    <c:v>6 month operation   </c:v>
                  </c:pt>
                  <c:pt idx="27">
                    <c:v>   </c:v>
                  </c:pt>
                  <c:pt idx="28">
                    <c:v> 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6 months - 6 months'!$D$2:$D$31</c:f>
              <c:numCache>
                <c:formatCode>General</c:formatCode>
                <c:ptCount val="30"/>
                <c:pt idx="1">
                  <c:v>0</c:v>
                </c:pt>
                <c:pt idx="6">
                  <c:v>0</c:v>
                </c:pt>
                <c:pt idx="11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D98B-DC49-9A4E-5D1DDF6BB38D}"/>
            </c:ext>
          </c:extLst>
        </c:ser>
        <c:ser>
          <c:idx val="2"/>
          <c:order val="2"/>
          <c:tx>
            <c:strRef>
              <c:f>'6 months - 6 months'!$E$1</c:f>
              <c:strCache>
                <c:ptCount val="1"/>
                <c:pt idx="0">
                  <c:v>AETE </c:v>
                </c:pt>
              </c:strCache>
            </c:strRef>
          </c:tx>
          <c:spPr>
            <a:solidFill>
              <a:schemeClr val="accent3"/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6 months - 6 months'!$A$2:$B$31</c:f>
              <c:multiLvlStrCache>
                <c:ptCount val="29"/>
                <c:lvl>
                  <c:pt idx="1">
                    <c:v>6 month operation   </c:v>
                  </c:pt>
                  <c:pt idx="6">
                    <c:v>6 month operation   </c:v>
                  </c:pt>
                  <c:pt idx="11">
                    <c:v>6 month operation   </c:v>
                  </c:pt>
                  <c:pt idx="16">
                    <c:v>6 month operation   </c:v>
                  </c:pt>
                  <c:pt idx="17">
                    <c:v>   </c:v>
                  </c:pt>
                  <c:pt idx="18">
                    <c:v>   </c:v>
                  </c:pt>
                  <c:pt idx="21">
                    <c:v>6 month operation   </c:v>
                  </c:pt>
                  <c:pt idx="22">
                    <c:v>   </c:v>
                  </c:pt>
                  <c:pt idx="23">
                    <c:v>   </c:v>
                  </c:pt>
                  <c:pt idx="26">
                    <c:v>6 month operation   </c:v>
                  </c:pt>
                  <c:pt idx="27">
                    <c:v>   </c:v>
                  </c:pt>
                  <c:pt idx="28">
                    <c:v> 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6 months - 6 months'!$E$2:$E$31</c:f>
              <c:numCache>
                <c:formatCode>General</c:formatCode>
                <c:ptCount val="30"/>
                <c:pt idx="1">
                  <c:v>0</c:v>
                </c:pt>
                <c:pt idx="6">
                  <c:v>0</c:v>
                </c:pt>
                <c:pt idx="11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D98B-DC49-9A4E-5D1DDF6BB38D}"/>
            </c:ext>
          </c:extLst>
        </c:ser>
        <c:ser>
          <c:idx val="3"/>
          <c:order val="3"/>
          <c:tx>
            <c:strRef>
              <c:f>'6 months - 6 months'!$F$1</c:f>
              <c:strCache>
                <c:ptCount val="1"/>
                <c:pt idx="0">
                  <c:v>total RIB hours</c:v>
                </c:pt>
              </c:strCache>
            </c:strRef>
          </c:tx>
          <c:spPr>
            <a:noFill/>
            <a:ln>
              <a:noFill/>
            </a:ln>
            <a:effectLst/>
          </c:spPr>
          <c:invertIfNegative val="0"/>
          <c:cat>
            <c:multiLvlStrRef>
              <c:f>'6 months - 6 months'!$A$2:$B$31</c:f>
              <c:multiLvlStrCache>
                <c:ptCount val="29"/>
                <c:lvl>
                  <c:pt idx="1">
                    <c:v>6 month operation   </c:v>
                  </c:pt>
                  <c:pt idx="6">
                    <c:v>6 month operation   </c:v>
                  </c:pt>
                  <c:pt idx="11">
                    <c:v>6 month operation   </c:v>
                  </c:pt>
                  <c:pt idx="16">
                    <c:v>6 month operation   </c:v>
                  </c:pt>
                  <c:pt idx="17">
                    <c:v>   </c:v>
                  </c:pt>
                  <c:pt idx="18">
                    <c:v>   </c:v>
                  </c:pt>
                  <c:pt idx="21">
                    <c:v>6 month operation   </c:v>
                  </c:pt>
                  <c:pt idx="22">
                    <c:v>   </c:v>
                  </c:pt>
                  <c:pt idx="23">
                    <c:v>   </c:v>
                  </c:pt>
                  <c:pt idx="26">
                    <c:v>6 month operation   </c:v>
                  </c:pt>
                  <c:pt idx="27">
                    <c:v>   </c:v>
                  </c:pt>
                  <c:pt idx="28">
                    <c:v> 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6 months - 6 months'!$F$2:$F$31</c:f>
              <c:numCache>
                <c:formatCode>General</c:formatCode>
                <c:ptCount val="30"/>
                <c:pt idx="1">
                  <c:v>3200</c:v>
                </c:pt>
                <c:pt idx="6">
                  <c:v>3200</c:v>
                </c:pt>
                <c:pt idx="11">
                  <c:v>3200</c:v>
                </c:pt>
                <c:pt idx="16">
                  <c:v>3200</c:v>
                </c:pt>
                <c:pt idx="21">
                  <c:v>3200</c:v>
                </c:pt>
                <c:pt idx="26">
                  <c:v>32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D98B-DC49-9A4E-5D1DDF6BB38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50"/>
        <c:overlap val="100"/>
        <c:axId val="2068618720"/>
        <c:axId val="2068615360"/>
      </c:barChart>
      <c:lineChart>
        <c:grouping val="standard"/>
        <c:varyColors val="0"/>
        <c:ser>
          <c:idx val="4"/>
          <c:order val="4"/>
          <c:tx>
            <c:strRef>
              <c:f>'6 months - 6 months'!$C$33</c:f>
              <c:strCache>
                <c:ptCount val="1"/>
                <c:pt idx="0">
                  <c:v>accumulative, 6 month operation</c:v>
                </c:pt>
              </c:strCache>
            </c:strRef>
          </c:tx>
          <c:spPr>
            <a:ln w="28575" cap="rnd">
              <a:solidFill>
                <a:schemeClr val="accent5"/>
              </a:solidFill>
              <a:round/>
            </a:ln>
            <a:effectLst/>
          </c:spPr>
          <c:marker>
            <c:symbol val="none"/>
          </c:marker>
          <c:cat>
            <c:numRef>
              <c:f>'6 months - 6 months'!$A$35:$A$62</c:f>
              <c:numCache>
                <c:formatCode>General</c:formatCode>
                <c:ptCount val="28"/>
                <c:pt idx="2">
                  <c:v>2025</c:v>
                </c:pt>
                <c:pt idx="7">
                  <c:v>2026</c:v>
                </c:pt>
                <c:pt idx="12">
                  <c:v>2027</c:v>
                </c:pt>
                <c:pt idx="17">
                  <c:v>2028</c:v>
                </c:pt>
                <c:pt idx="22">
                  <c:v>2029</c:v>
                </c:pt>
                <c:pt idx="27">
                  <c:v>2030</c:v>
                </c:pt>
              </c:numCache>
            </c:numRef>
          </c:cat>
          <c:val>
            <c:numRef>
              <c:f>'6 months - 6 months'!$C$35:$C$62</c:f>
              <c:numCache>
                <c:formatCode>General</c:formatCode>
                <c:ptCount val="28"/>
                <c:pt idx="0">
                  <c:v>3200</c:v>
                </c:pt>
                <c:pt idx="1">
                  <c:v>3200</c:v>
                </c:pt>
                <c:pt idx="2">
                  <c:v>3200</c:v>
                </c:pt>
                <c:pt idx="3">
                  <c:v>3840</c:v>
                </c:pt>
                <c:pt idx="4">
                  <c:v>4480</c:v>
                </c:pt>
                <c:pt idx="5">
                  <c:v>5120</c:v>
                </c:pt>
                <c:pt idx="6">
                  <c:v>5760</c:v>
                </c:pt>
                <c:pt idx="7">
                  <c:v>6400</c:v>
                </c:pt>
                <c:pt idx="8">
                  <c:v>7040</c:v>
                </c:pt>
                <c:pt idx="9">
                  <c:v>7680</c:v>
                </c:pt>
                <c:pt idx="10">
                  <c:v>8320</c:v>
                </c:pt>
                <c:pt idx="11">
                  <c:v>8960</c:v>
                </c:pt>
                <c:pt idx="12">
                  <c:v>9600</c:v>
                </c:pt>
                <c:pt idx="13">
                  <c:v>10240</c:v>
                </c:pt>
                <c:pt idx="14">
                  <c:v>10880</c:v>
                </c:pt>
                <c:pt idx="15">
                  <c:v>11520</c:v>
                </c:pt>
                <c:pt idx="16">
                  <c:v>12160</c:v>
                </c:pt>
                <c:pt idx="17">
                  <c:v>12800</c:v>
                </c:pt>
                <c:pt idx="18">
                  <c:v>13440</c:v>
                </c:pt>
                <c:pt idx="19">
                  <c:v>14080</c:v>
                </c:pt>
                <c:pt idx="20">
                  <c:v>14720</c:v>
                </c:pt>
                <c:pt idx="21">
                  <c:v>15360</c:v>
                </c:pt>
                <c:pt idx="22">
                  <c:v>16000</c:v>
                </c:pt>
                <c:pt idx="23">
                  <c:v>16640</c:v>
                </c:pt>
                <c:pt idx="24">
                  <c:v>17280</c:v>
                </c:pt>
                <c:pt idx="25">
                  <c:v>17920</c:v>
                </c:pt>
                <c:pt idx="26">
                  <c:v>18560</c:v>
                </c:pt>
                <c:pt idx="27">
                  <c:v>192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4-D98B-DC49-9A4E-5D1DDF6BB38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723342639"/>
        <c:axId val="371187487"/>
      </c:lineChart>
      <c:catAx>
        <c:axId val="206861872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bg1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8615360"/>
        <c:crosses val="autoZero"/>
        <c:auto val="1"/>
        <c:lblAlgn val="ctr"/>
        <c:lblOffset val="100"/>
        <c:noMultiLvlLbl val="0"/>
      </c:catAx>
      <c:valAx>
        <c:axId val="2068615360"/>
        <c:scaling>
          <c:orientation val="minMax"/>
          <c:max val="24000"/>
          <c:min val="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8618720"/>
        <c:crosses val="autoZero"/>
        <c:crossBetween val="between"/>
      </c:valAx>
      <c:valAx>
        <c:axId val="371187487"/>
        <c:scaling>
          <c:orientation val="minMax"/>
          <c:max val="24000"/>
          <c:min val="0"/>
        </c:scaling>
        <c:delete val="1"/>
        <c:axPos val="r"/>
        <c:numFmt formatCode="General" sourceLinked="1"/>
        <c:majorTickMark val="out"/>
        <c:minorTickMark val="none"/>
        <c:tickLblPos val="nextTo"/>
        <c:crossAx val="723342639"/>
        <c:crosses val="max"/>
        <c:crossBetween val="between"/>
      </c:valAx>
      <c:catAx>
        <c:axId val="723342639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371187487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plotVisOnly val="1"/>
    <c:dispBlanksAs val="zero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2000" b="1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2000" b="1"/>
              <a:t>RIB Hours in Different Scenarios</a:t>
            </a:r>
          </a:p>
        </c:rich>
      </c:tx>
      <c:layout>
        <c:manualLayout>
          <c:xMode val="edge"/>
          <c:yMode val="edge"/>
          <c:x val="0.33925663429790343"/>
          <c:y val="2.10162811640835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1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6.2412739349012536E-2"/>
          <c:y val="4.6553690802926657E-2"/>
          <c:w val="0.90641117824844175"/>
          <c:h val="0.61333712295800735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'ISAC alone'!$C$1</c:f>
              <c:strCache>
                <c:ptCount val="1"/>
                <c:pt idx="0">
                  <c:v>ITE/ITW</c:v>
                </c:pt>
              </c:strCache>
            </c:strRef>
          </c:tx>
          <c:spPr>
            <a:solidFill>
              <a:schemeClr val="bg1">
                <a:lumMod val="50000"/>
              </a:schemeClr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ISAC alone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  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  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  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  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  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ISAC alone'!$C$2:$C$31</c:f>
              <c:numCache>
                <c:formatCode>General</c:formatCode>
                <c:ptCount val="30"/>
                <c:pt idx="1">
                  <c:v>3200</c:v>
                </c:pt>
                <c:pt idx="2">
                  <c:v>3200</c:v>
                </c:pt>
                <c:pt idx="6">
                  <c:v>3200</c:v>
                </c:pt>
                <c:pt idx="7">
                  <c:v>0</c:v>
                </c:pt>
                <c:pt idx="8">
                  <c:v>0</c:v>
                </c:pt>
                <c:pt idx="11">
                  <c:v>3200</c:v>
                </c:pt>
                <c:pt idx="12">
                  <c:v>4400</c:v>
                </c:pt>
                <c:pt idx="16">
                  <c:v>3200</c:v>
                </c:pt>
                <c:pt idx="17">
                  <c:v>4400</c:v>
                </c:pt>
                <c:pt idx="21">
                  <c:v>3200</c:v>
                </c:pt>
                <c:pt idx="22">
                  <c:v>4400</c:v>
                </c:pt>
                <c:pt idx="26">
                  <c:v>3200</c:v>
                </c:pt>
                <c:pt idx="27">
                  <c:v>44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76A8-8F41-BB85-A7D8D68C7DD6}"/>
            </c:ext>
          </c:extLst>
        </c:ser>
        <c:ser>
          <c:idx val="1"/>
          <c:order val="1"/>
          <c:tx>
            <c:strRef>
              <c:f>'ISAC alone'!$D$1</c:f>
              <c:strCache>
                <c:ptCount val="1"/>
                <c:pt idx="0">
                  <c:v>APTW</c:v>
                </c:pt>
              </c:strCache>
            </c:strRef>
          </c:tx>
          <c:spPr>
            <a:solidFill>
              <a:schemeClr val="accent2"/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ISAC alone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  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  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  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  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  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ISAC alone'!$D$2:$D$31</c:f>
              <c:numCache>
                <c:formatCode>General</c:formatCode>
                <c:ptCount val="30"/>
                <c:pt idx="1">
                  <c:v>0</c:v>
                </c:pt>
                <c:pt idx="2">
                  <c:v>0</c:v>
                </c:pt>
                <c:pt idx="6">
                  <c:v>0</c:v>
                </c:pt>
                <c:pt idx="7">
                  <c:v>0</c:v>
                </c:pt>
                <c:pt idx="8">
                  <c:v>0</c:v>
                </c:pt>
                <c:pt idx="11">
                  <c:v>0</c:v>
                </c:pt>
                <c:pt idx="12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76A8-8F41-BB85-A7D8D68C7DD6}"/>
            </c:ext>
          </c:extLst>
        </c:ser>
        <c:ser>
          <c:idx val="2"/>
          <c:order val="2"/>
          <c:tx>
            <c:strRef>
              <c:f>'ISAC alone'!$E$1</c:f>
              <c:strCache>
                <c:ptCount val="1"/>
                <c:pt idx="0">
                  <c:v>AETE </c:v>
                </c:pt>
              </c:strCache>
            </c:strRef>
          </c:tx>
          <c:spPr>
            <a:solidFill>
              <a:schemeClr val="accent3"/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ISAC alone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  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  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  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  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  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ISAC alone'!$E$2:$E$31</c:f>
              <c:numCache>
                <c:formatCode>General</c:formatCode>
                <c:ptCount val="30"/>
                <c:pt idx="1">
                  <c:v>0</c:v>
                </c:pt>
                <c:pt idx="2">
                  <c:v>0</c:v>
                </c:pt>
                <c:pt idx="6">
                  <c:v>0</c:v>
                </c:pt>
                <c:pt idx="7">
                  <c:v>0</c:v>
                </c:pt>
                <c:pt idx="8">
                  <c:v>0</c:v>
                </c:pt>
                <c:pt idx="11">
                  <c:v>0</c:v>
                </c:pt>
                <c:pt idx="12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76A8-8F41-BB85-A7D8D68C7DD6}"/>
            </c:ext>
          </c:extLst>
        </c:ser>
        <c:ser>
          <c:idx val="3"/>
          <c:order val="3"/>
          <c:tx>
            <c:strRef>
              <c:f>'ISAC alone'!$F$1</c:f>
              <c:strCache>
                <c:ptCount val="1"/>
                <c:pt idx="0">
                  <c:v>total RIB hours</c:v>
                </c:pt>
              </c:strCache>
            </c:strRef>
          </c:tx>
          <c:spPr>
            <a:noFill/>
            <a:ln>
              <a:noFill/>
            </a:ln>
            <a:effectLst/>
          </c:spPr>
          <c:invertIfNegative val="0"/>
          <c:cat>
            <c:multiLvlStrRef>
              <c:f>'ISAC alone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  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  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  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  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  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ISAC alone'!$F$2:$F$31</c:f>
              <c:numCache>
                <c:formatCode>General</c:formatCode>
                <c:ptCount val="30"/>
                <c:pt idx="1">
                  <c:v>3200</c:v>
                </c:pt>
                <c:pt idx="2">
                  <c:v>3200</c:v>
                </c:pt>
                <c:pt idx="6">
                  <c:v>3200</c:v>
                </c:pt>
                <c:pt idx="7">
                  <c:v>0</c:v>
                </c:pt>
                <c:pt idx="8">
                  <c:v>0</c:v>
                </c:pt>
                <c:pt idx="11">
                  <c:v>3200</c:v>
                </c:pt>
                <c:pt idx="12">
                  <c:v>4400</c:v>
                </c:pt>
                <c:pt idx="16">
                  <c:v>3200</c:v>
                </c:pt>
                <c:pt idx="17">
                  <c:v>4400</c:v>
                </c:pt>
                <c:pt idx="21">
                  <c:v>3200</c:v>
                </c:pt>
                <c:pt idx="22">
                  <c:v>4400</c:v>
                </c:pt>
                <c:pt idx="26">
                  <c:v>3200</c:v>
                </c:pt>
                <c:pt idx="27">
                  <c:v>44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76A8-8F41-BB85-A7D8D68C7DD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50"/>
        <c:overlap val="100"/>
        <c:axId val="2068618720"/>
        <c:axId val="2068615360"/>
      </c:barChart>
      <c:lineChart>
        <c:grouping val="standard"/>
        <c:varyColors val="0"/>
        <c:ser>
          <c:idx val="4"/>
          <c:order val="4"/>
          <c:tx>
            <c:strRef>
              <c:f>'ISAC alone'!$C$33</c:f>
              <c:strCache>
                <c:ptCount val="1"/>
                <c:pt idx="0">
                  <c:v>accumulative, 6 month operation</c:v>
                </c:pt>
              </c:strCache>
            </c:strRef>
          </c:tx>
          <c:spPr>
            <a:ln w="28575" cap="rnd">
              <a:solidFill>
                <a:schemeClr val="accent5"/>
              </a:solidFill>
              <a:round/>
            </a:ln>
            <a:effectLst/>
          </c:spPr>
          <c:marker>
            <c:symbol val="none"/>
          </c:marker>
          <c:cat>
            <c:numRef>
              <c:f>'ISAC alone'!$A$35:$A$62</c:f>
              <c:numCache>
                <c:formatCode>General</c:formatCode>
                <c:ptCount val="28"/>
                <c:pt idx="2">
                  <c:v>2025</c:v>
                </c:pt>
                <c:pt idx="7">
                  <c:v>2026</c:v>
                </c:pt>
                <c:pt idx="12">
                  <c:v>2027</c:v>
                </c:pt>
                <c:pt idx="17">
                  <c:v>2028</c:v>
                </c:pt>
                <c:pt idx="22">
                  <c:v>2029</c:v>
                </c:pt>
                <c:pt idx="27">
                  <c:v>2030</c:v>
                </c:pt>
              </c:numCache>
            </c:numRef>
          </c:cat>
          <c:val>
            <c:numRef>
              <c:f>'ISAC alone'!$C$35:$C$62</c:f>
              <c:numCache>
                <c:formatCode>General</c:formatCode>
                <c:ptCount val="28"/>
                <c:pt idx="0">
                  <c:v>3200</c:v>
                </c:pt>
                <c:pt idx="1">
                  <c:v>3200</c:v>
                </c:pt>
                <c:pt idx="2">
                  <c:v>3200</c:v>
                </c:pt>
                <c:pt idx="3">
                  <c:v>3840</c:v>
                </c:pt>
                <c:pt idx="4">
                  <c:v>4480</c:v>
                </c:pt>
                <c:pt idx="5">
                  <c:v>5120</c:v>
                </c:pt>
                <c:pt idx="6">
                  <c:v>5760</c:v>
                </c:pt>
                <c:pt idx="7">
                  <c:v>6400</c:v>
                </c:pt>
                <c:pt idx="8">
                  <c:v>7040</c:v>
                </c:pt>
                <c:pt idx="9">
                  <c:v>7680</c:v>
                </c:pt>
                <c:pt idx="10">
                  <c:v>8320</c:v>
                </c:pt>
                <c:pt idx="11">
                  <c:v>8960</c:v>
                </c:pt>
                <c:pt idx="12">
                  <c:v>9600</c:v>
                </c:pt>
                <c:pt idx="13">
                  <c:v>10240</c:v>
                </c:pt>
                <c:pt idx="14">
                  <c:v>10880</c:v>
                </c:pt>
                <c:pt idx="15">
                  <c:v>11520</c:v>
                </c:pt>
                <c:pt idx="16">
                  <c:v>12160</c:v>
                </c:pt>
                <c:pt idx="17">
                  <c:v>12800</c:v>
                </c:pt>
                <c:pt idx="18">
                  <c:v>13440</c:v>
                </c:pt>
                <c:pt idx="19">
                  <c:v>14080</c:v>
                </c:pt>
                <c:pt idx="20">
                  <c:v>14720</c:v>
                </c:pt>
                <c:pt idx="21">
                  <c:v>15360</c:v>
                </c:pt>
                <c:pt idx="22">
                  <c:v>16000</c:v>
                </c:pt>
                <c:pt idx="23">
                  <c:v>16640</c:v>
                </c:pt>
                <c:pt idx="24">
                  <c:v>17280</c:v>
                </c:pt>
                <c:pt idx="25">
                  <c:v>17920</c:v>
                </c:pt>
                <c:pt idx="26">
                  <c:v>18560</c:v>
                </c:pt>
                <c:pt idx="27">
                  <c:v>192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4-76A8-8F41-BB85-A7D8D68C7DD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723342639"/>
        <c:axId val="371187487"/>
      </c:lineChart>
      <c:catAx>
        <c:axId val="206861872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bg1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8615360"/>
        <c:crosses val="autoZero"/>
        <c:auto val="1"/>
        <c:lblAlgn val="ctr"/>
        <c:lblOffset val="100"/>
        <c:noMultiLvlLbl val="0"/>
      </c:catAx>
      <c:valAx>
        <c:axId val="2068615360"/>
        <c:scaling>
          <c:orientation val="minMax"/>
          <c:max val="24000"/>
          <c:min val="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8618720"/>
        <c:crosses val="autoZero"/>
        <c:crossBetween val="between"/>
      </c:valAx>
      <c:valAx>
        <c:axId val="371187487"/>
        <c:scaling>
          <c:orientation val="minMax"/>
          <c:max val="24000"/>
          <c:min val="0"/>
        </c:scaling>
        <c:delete val="1"/>
        <c:axPos val="r"/>
        <c:numFmt formatCode="General" sourceLinked="1"/>
        <c:majorTickMark val="out"/>
        <c:minorTickMark val="none"/>
        <c:tickLblPos val="nextTo"/>
        <c:crossAx val="723342639"/>
        <c:crosses val="max"/>
        <c:crossBetween val="between"/>
      </c:valAx>
      <c:catAx>
        <c:axId val="723342639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371187487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plotVisOnly val="1"/>
    <c:dispBlanksAs val="zero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2000" b="1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2000" b="1"/>
              <a:t>RIB Hours in Different Scenarios</a:t>
            </a:r>
          </a:p>
        </c:rich>
      </c:tx>
      <c:layout>
        <c:manualLayout>
          <c:xMode val="edge"/>
          <c:yMode val="edge"/>
          <c:x val="0.33925663429790343"/>
          <c:y val="2.10162811640835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1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6.2412739349012536E-2"/>
          <c:y val="4.6553690802926657E-2"/>
          <c:w val="0.90641117824844175"/>
          <c:h val="0.61333712295800735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'ISAC alone'!$C$1</c:f>
              <c:strCache>
                <c:ptCount val="1"/>
                <c:pt idx="0">
                  <c:v>ITE/ITW</c:v>
                </c:pt>
              </c:strCache>
            </c:strRef>
          </c:tx>
          <c:spPr>
            <a:solidFill>
              <a:schemeClr val="bg1">
                <a:lumMod val="50000"/>
              </a:schemeClr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ISAC alone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  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  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  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  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  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ISAC alone'!$C$2:$C$31</c:f>
              <c:numCache>
                <c:formatCode>General</c:formatCode>
                <c:ptCount val="30"/>
                <c:pt idx="1">
                  <c:v>3200</c:v>
                </c:pt>
                <c:pt idx="2">
                  <c:v>3200</c:v>
                </c:pt>
                <c:pt idx="6">
                  <c:v>3200</c:v>
                </c:pt>
                <c:pt idx="7">
                  <c:v>0</c:v>
                </c:pt>
                <c:pt idx="8">
                  <c:v>0</c:v>
                </c:pt>
                <c:pt idx="11">
                  <c:v>3200</c:v>
                </c:pt>
                <c:pt idx="12">
                  <c:v>4400</c:v>
                </c:pt>
                <c:pt idx="16">
                  <c:v>3200</c:v>
                </c:pt>
                <c:pt idx="17">
                  <c:v>4400</c:v>
                </c:pt>
                <c:pt idx="21">
                  <c:v>3200</c:v>
                </c:pt>
                <c:pt idx="22">
                  <c:v>4400</c:v>
                </c:pt>
                <c:pt idx="26">
                  <c:v>3200</c:v>
                </c:pt>
                <c:pt idx="27">
                  <c:v>44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AA0D-9749-88E9-958901B6D2C1}"/>
            </c:ext>
          </c:extLst>
        </c:ser>
        <c:ser>
          <c:idx val="1"/>
          <c:order val="1"/>
          <c:tx>
            <c:strRef>
              <c:f>'ISAC alone'!$D$1</c:f>
              <c:strCache>
                <c:ptCount val="1"/>
                <c:pt idx="0">
                  <c:v>APTW</c:v>
                </c:pt>
              </c:strCache>
            </c:strRef>
          </c:tx>
          <c:spPr>
            <a:solidFill>
              <a:schemeClr val="accent2"/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ISAC alone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  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  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  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  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  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ISAC alone'!$D$2:$D$31</c:f>
              <c:numCache>
                <c:formatCode>General</c:formatCode>
                <c:ptCount val="30"/>
                <c:pt idx="1">
                  <c:v>0</c:v>
                </c:pt>
                <c:pt idx="2">
                  <c:v>0</c:v>
                </c:pt>
                <c:pt idx="6">
                  <c:v>0</c:v>
                </c:pt>
                <c:pt idx="7">
                  <c:v>0</c:v>
                </c:pt>
                <c:pt idx="8">
                  <c:v>0</c:v>
                </c:pt>
                <c:pt idx="11">
                  <c:v>0</c:v>
                </c:pt>
                <c:pt idx="12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AA0D-9749-88E9-958901B6D2C1}"/>
            </c:ext>
          </c:extLst>
        </c:ser>
        <c:ser>
          <c:idx val="2"/>
          <c:order val="2"/>
          <c:tx>
            <c:strRef>
              <c:f>'ISAC alone'!$E$1</c:f>
              <c:strCache>
                <c:ptCount val="1"/>
                <c:pt idx="0">
                  <c:v>AETE </c:v>
                </c:pt>
              </c:strCache>
            </c:strRef>
          </c:tx>
          <c:spPr>
            <a:solidFill>
              <a:schemeClr val="accent3"/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ISAC alone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  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  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  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  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  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ISAC alone'!$E$2:$E$31</c:f>
              <c:numCache>
                <c:formatCode>General</c:formatCode>
                <c:ptCount val="30"/>
                <c:pt idx="1">
                  <c:v>0</c:v>
                </c:pt>
                <c:pt idx="2">
                  <c:v>0</c:v>
                </c:pt>
                <c:pt idx="6">
                  <c:v>0</c:v>
                </c:pt>
                <c:pt idx="7">
                  <c:v>0</c:v>
                </c:pt>
                <c:pt idx="8">
                  <c:v>0</c:v>
                </c:pt>
                <c:pt idx="11">
                  <c:v>0</c:v>
                </c:pt>
                <c:pt idx="12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AA0D-9749-88E9-958901B6D2C1}"/>
            </c:ext>
          </c:extLst>
        </c:ser>
        <c:ser>
          <c:idx val="3"/>
          <c:order val="3"/>
          <c:tx>
            <c:strRef>
              <c:f>'ISAC alone'!$F$1</c:f>
              <c:strCache>
                <c:ptCount val="1"/>
                <c:pt idx="0">
                  <c:v>total RIB hours</c:v>
                </c:pt>
              </c:strCache>
            </c:strRef>
          </c:tx>
          <c:spPr>
            <a:noFill/>
            <a:ln>
              <a:noFill/>
            </a:ln>
            <a:effectLst/>
          </c:spPr>
          <c:invertIfNegative val="0"/>
          <c:cat>
            <c:multiLvlStrRef>
              <c:f>'ISAC alone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  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  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  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  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  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  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ISAC alone'!$F$2:$F$31</c:f>
              <c:numCache>
                <c:formatCode>General</c:formatCode>
                <c:ptCount val="30"/>
                <c:pt idx="1">
                  <c:v>3200</c:v>
                </c:pt>
                <c:pt idx="2">
                  <c:v>3200</c:v>
                </c:pt>
                <c:pt idx="6">
                  <c:v>3200</c:v>
                </c:pt>
                <c:pt idx="7">
                  <c:v>0</c:v>
                </c:pt>
                <c:pt idx="8">
                  <c:v>0</c:v>
                </c:pt>
                <c:pt idx="11">
                  <c:v>3200</c:v>
                </c:pt>
                <c:pt idx="12">
                  <c:v>4400</c:v>
                </c:pt>
                <c:pt idx="16">
                  <c:v>3200</c:v>
                </c:pt>
                <c:pt idx="17">
                  <c:v>4400</c:v>
                </c:pt>
                <c:pt idx="21">
                  <c:v>3200</c:v>
                </c:pt>
                <c:pt idx="22">
                  <c:v>4400</c:v>
                </c:pt>
                <c:pt idx="26">
                  <c:v>3200</c:v>
                </c:pt>
                <c:pt idx="27">
                  <c:v>44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AA0D-9749-88E9-958901B6D2C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50"/>
        <c:overlap val="100"/>
        <c:axId val="2068618720"/>
        <c:axId val="2068615360"/>
      </c:barChart>
      <c:lineChart>
        <c:grouping val="standard"/>
        <c:varyColors val="0"/>
        <c:ser>
          <c:idx val="4"/>
          <c:order val="4"/>
          <c:tx>
            <c:strRef>
              <c:f>'ISAC alone'!$C$33</c:f>
              <c:strCache>
                <c:ptCount val="1"/>
                <c:pt idx="0">
                  <c:v>accumulative, 6 month operation</c:v>
                </c:pt>
              </c:strCache>
            </c:strRef>
          </c:tx>
          <c:spPr>
            <a:ln w="28575" cap="rnd">
              <a:solidFill>
                <a:schemeClr val="accent5"/>
              </a:solidFill>
              <a:round/>
            </a:ln>
            <a:effectLst/>
          </c:spPr>
          <c:marker>
            <c:symbol val="none"/>
          </c:marker>
          <c:cat>
            <c:numRef>
              <c:f>'ISAC alone'!$A$35:$A$62</c:f>
              <c:numCache>
                <c:formatCode>General</c:formatCode>
                <c:ptCount val="28"/>
                <c:pt idx="2">
                  <c:v>2025</c:v>
                </c:pt>
                <c:pt idx="7">
                  <c:v>2026</c:v>
                </c:pt>
                <c:pt idx="12">
                  <c:v>2027</c:v>
                </c:pt>
                <c:pt idx="17">
                  <c:v>2028</c:v>
                </c:pt>
                <c:pt idx="22">
                  <c:v>2029</c:v>
                </c:pt>
                <c:pt idx="27">
                  <c:v>2030</c:v>
                </c:pt>
              </c:numCache>
            </c:numRef>
          </c:cat>
          <c:val>
            <c:numRef>
              <c:f>'ISAC alone'!$C$35:$C$62</c:f>
              <c:numCache>
                <c:formatCode>General</c:formatCode>
                <c:ptCount val="28"/>
                <c:pt idx="0">
                  <c:v>3200</c:v>
                </c:pt>
                <c:pt idx="1">
                  <c:v>3200</c:v>
                </c:pt>
                <c:pt idx="2">
                  <c:v>3200</c:v>
                </c:pt>
                <c:pt idx="3">
                  <c:v>3840</c:v>
                </c:pt>
                <c:pt idx="4">
                  <c:v>4480</c:v>
                </c:pt>
                <c:pt idx="5">
                  <c:v>5120</c:v>
                </c:pt>
                <c:pt idx="6">
                  <c:v>5760</c:v>
                </c:pt>
                <c:pt idx="7">
                  <c:v>6400</c:v>
                </c:pt>
                <c:pt idx="8">
                  <c:v>7040</c:v>
                </c:pt>
                <c:pt idx="9">
                  <c:v>7680</c:v>
                </c:pt>
                <c:pt idx="10">
                  <c:v>8320</c:v>
                </c:pt>
                <c:pt idx="11">
                  <c:v>8960</c:v>
                </c:pt>
                <c:pt idx="12">
                  <c:v>9600</c:v>
                </c:pt>
                <c:pt idx="13">
                  <c:v>10240</c:v>
                </c:pt>
                <c:pt idx="14">
                  <c:v>10880</c:v>
                </c:pt>
                <c:pt idx="15">
                  <c:v>11520</c:v>
                </c:pt>
                <c:pt idx="16">
                  <c:v>12160</c:v>
                </c:pt>
                <c:pt idx="17">
                  <c:v>12800</c:v>
                </c:pt>
                <c:pt idx="18">
                  <c:v>13440</c:v>
                </c:pt>
                <c:pt idx="19">
                  <c:v>14080</c:v>
                </c:pt>
                <c:pt idx="20">
                  <c:v>14720</c:v>
                </c:pt>
                <c:pt idx="21">
                  <c:v>15360</c:v>
                </c:pt>
                <c:pt idx="22">
                  <c:v>16000</c:v>
                </c:pt>
                <c:pt idx="23">
                  <c:v>16640</c:v>
                </c:pt>
                <c:pt idx="24">
                  <c:v>17280</c:v>
                </c:pt>
                <c:pt idx="25">
                  <c:v>17920</c:v>
                </c:pt>
                <c:pt idx="26">
                  <c:v>18560</c:v>
                </c:pt>
                <c:pt idx="27">
                  <c:v>192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4-AA0D-9749-88E9-958901B6D2C1}"/>
            </c:ext>
          </c:extLst>
        </c:ser>
        <c:ser>
          <c:idx val="6"/>
          <c:order val="5"/>
          <c:tx>
            <c:strRef>
              <c:f>'ISAC alone'!$B$33</c:f>
              <c:strCache>
                <c:ptCount val="1"/>
                <c:pt idx="0">
                  <c:v>accumulative, ISAC only</c:v>
                </c:pt>
              </c:strCache>
            </c:strRef>
          </c:tx>
          <c:spPr>
            <a:ln w="28575" cap="rnd">
              <a:solidFill>
                <a:schemeClr val="accent1">
                  <a:lumMod val="60000"/>
                </a:schemeClr>
              </a:solidFill>
              <a:round/>
            </a:ln>
            <a:effectLst/>
          </c:spPr>
          <c:marker>
            <c:symbol val="none"/>
          </c:marker>
          <c:val>
            <c:numRef>
              <c:f>'ISAC alone'!$B$34:$B$61</c:f>
              <c:numCache>
                <c:formatCode>General</c:formatCode>
                <c:ptCount val="28"/>
                <c:pt idx="0">
                  <c:v>3200</c:v>
                </c:pt>
                <c:pt idx="1">
                  <c:v>3200</c:v>
                </c:pt>
                <c:pt idx="2">
                  <c:v>3200</c:v>
                </c:pt>
                <c:pt idx="3">
                  <c:v>3200</c:v>
                </c:pt>
                <c:pt idx="4">
                  <c:v>3200</c:v>
                </c:pt>
                <c:pt idx="5">
                  <c:v>3200</c:v>
                </c:pt>
                <c:pt idx="6">
                  <c:v>3200</c:v>
                </c:pt>
                <c:pt idx="7">
                  <c:v>3200</c:v>
                </c:pt>
                <c:pt idx="8">
                  <c:v>4080</c:v>
                </c:pt>
                <c:pt idx="9">
                  <c:v>4960</c:v>
                </c:pt>
                <c:pt idx="10">
                  <c:v>5840</c:v>
                </c:pt>
                <c:pt idx="11">
                  <c:v>6720</c:v>
                </c:pt>
                <c:pt idx="12">
                  <c:v>7600</c:v>
                </c:pt>
                <c:pt idx="13">
                  <c:v>8480</c:v>
                </c:pt>
                <c:pt idx="14">
                  <c:v>9360</c:v>
                </c:pt>
                <c:pt idx="15">
                  <c:v>10240</c:v>
                </c:pt>
                <c:pt idx="16">
                  <c:v>11120</c:v>
                </c:pt>
                <c:pt idx="17">
                  <c:v>12000</c:v>
                </c:pt>
                <c:pt idx="18">
                  <c:v>12880</c:v>
                </c:pt>
                <c:pt idx="19">
                  <c:v>13760</c:v>
                </c:pt>
                <c:pt idx="20">
                  <c:v>14640</c:v>
                </c:pt>
                <c:pt idx="21">
                  <c:v>15520</c:v>
                </c:pt>
                <c:pt idx="22">
                  <c:v>16400</c:v>
                </c:pt>
                <c:pt idx="23">
                  <c:v>17280</c:v>
                </c:pt>
                <c:pt idx="24">
                  <c:v>18160</c:v>
                </c:pt>
                <c:pt idx="25">
                  <c:v>19040</c:v>
                </c:pt>
                <c:pt idx="26">
                  <c:v>19920</c:v>
                </c:pt>
                <c:pt idx="27">
                  <c:v>208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6-AA0D-9749-88E9-958901B6D2C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723342639"/>
        <c:axId val="371187487"/>
      </c:lineChart>
      <c:catAx>
        <c:axId val="206861872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bg1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8615360"/>
        <c:crosses val="autoZero"/>
        <c:auto val="1"/>
        <c:lblAlgn val="ctr"/>
        <c:lblOffset val="100"/>
        <c:noMultiLvlLbl val="0"/>
      </c:catAx>
      <c:valAx>
        <c:axId val="2068615360"/>
        <c:scaling>
          <c:orientation val="minMax"/>
          <c:max val="24000"/>
          <c:min val="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8618720"/>
        <c:crosses val="autoZero"/>
        <c:crossBetween val="between"/>
      </c:valAx>
      <c:valAx>
        <c:axId val="371187487"/>
        <c:scaling>
          <c:orientation val="minMax"/>
          <c:max val="24000"/>
          <c:min val="0"/>
        </c:scaling>
        <c:delete val="1"/>
        <c:axPos val="r"/>
        <c:numFmt formatCode="General" sourceLinked="1"/>
        <c:majorTickMark val="out"/>
        <c:minorTickMark val="none"/>
        <c:tickLblPos val="nextTo"/>
        <c:crossAx val="723342639"/>
        <c:crosses val="max"/>
        <c:crossBetween val="between"/>
      </c:valAx>
      <c:catAx>
        <c:axId val="723342639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371187487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plotVisOnly val="1"/>
    <c:dispBlanksAs val="zero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2000" b="1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2000" b="1"/>
              <a:t>RIB Hours in Different Scenarios</a:t>
            </a:r>
          </a:p>
        </c:rich>
      </c:tx>
      <c:layout>
        <c:manualLayout>
          <c:xMode val="edge"/>
          <c:yMode val="edge"/>
          <c:x val="0.33925663429790343"/>
          <c:y val="2.10162811640835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1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6.2412739349012536E-2"/>
          <c:y val="4.6553690802926657E-2"/>
          <c:w val="0.90641117824844175"/>
          <c:h val="0.61333712295800735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'All Scenarios'!$C$1</c:f>
              <c:strCache>
                <c:ptCount val="1"/>
                <c:pt idx="0">
                  <c:v>ITE/ITW</c:v>
                </c:pt>
              </c:strCache>
            </c:strRef>
          </c:tx>
          <c:spPr>
            <a:solidFill>
              <a:schemeClr val="bg1">
                <a:lumMod val="50000"/>
              </a:schemeClr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All Scenarios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2026 SD, incl ARIEL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2026 SD, incl ARIEL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2026 SD, incl ARIEL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2026 SD, incl ARIEL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2026 SD, incl ARIEL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2026 SD, incl ARIEL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All Scenarios'!$C$2:$C$31</c:f>
              <c:numCache>
                <c:formatCode>General</c:formatCode>
                <c:ptCount val="30"/>
                <c:pt idx="1">
                  <c:v>3200</c:v>
                </c:pt>
                <c:pt idx="2">
                  <c:v>3200</c:v>
                </c:pt>
                <c:pt idx="3">
                  <c:v>3200</c:v>
                </c:pt>
                <c:pt idx="6">
                  <c:v>3200</c:v>
                </c:pt>
                <c:pt idx="7">
                  <c:v>0</c:v>
                </c:pt>
                <c:pt idx="8">
                  <c:v>0</c:v>
                </c:pt>
                <c:pt idx="11">
                  <c:v>3200</c:v>
                </c:pt>
                <c:pt idx="12">
                  <c:v>4400</c:v>
                </c:pt>
                <c:pt idx="13">
                  <c:v>4400</c:v>
                </c:pt>
                <c:pt idx="16">
                  <c:v>3200</c:v>
                </c:pt>
                <c:pt idx="17">
                  <c:v>4400</c:v>
                </c:pt>
                <c:pt idx="18">
                  <c:v>4400</c:v>
                </c:pt>
                <c:pt idx="21">
                  <c:v>3200</c:v>
                </c:pt>
                <c:pt idx="22">
                  <c:v>4400</c:v>
                </c:pt>
                <c:pt idx="23">
                  <c:v>4400</c:v>
                </c:pt>
                <c:pt idx="26">
                  <c:v>3200</c:v>
                </c:pt>
                <c:pt idx="27">
                  <c:v>4400</c:v>
                </c:pt>
                <c:pt idx="28">
                  <c:v>44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FF4-400E-BDDC-F1D3D92BB099}"/>
            </c:ext>
          </c:extLst>
        </c:ser>
        <c:ser>
          <c:idx val="1"/>
          <c:order val="1"/>
          <c:tx>
            <c:strRef>
              <c:f>'All Scenarios'!$D$1</c:f>
              <c:strCache>
                <c:ptCount val="1"/>
                <c:pt idx="0">
                  <c:v>APTW</c:v>
                </c:pt>
              </c:strCache>
            </c:strRef>
          </c:tx>
          <c:spPr>
            <a:solidFill>
              <a:schemeClr val="accent2"/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All Scenarios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2026 SD, incl ARIEL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2026 SD, incl ARIEL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2026 SD, incl ARIEL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2026 SD, incl ARIEL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2026 SD, incl ARIEL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2026 SD, incl ARIEL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All Scenarios'!$D$2:$D$31</c:f>
              <c:numCache>
                <c:formatCode>General</c:formatCode>
                <c:ptCount val="30"/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6">
                  <c:v>0</c:v>
                </c:pt>
                <c:pt idx="7">
                  <c:v>0</c:v>
                </c:pt>
                <c:pt idx="8">
                  <c:v>0</c:v>
                </c:pt>
                <c:pt idx="11">
                  <c:v>0</c:v>
                </c:pt>
                <c:pt idx="12">
                  <c:v>0</c:v>
                </c:pt>
                <c:pt idx="13">
                  <c:v>330</c:v>
                </c:pt>
                <c:pt idx="18">
                  <c:v>660</c:v>
                </c:pt>
                <c:pt idx="23">
                  <c:v>660</c:v>
                </c:pt>
                <c:pt idx="28">
                  <c:v>99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4FF4-400E-BDDC-F1D3D92BB099}"/>
            </c:ext>
          </c:extLst>
        </c:ser>
        <c:ser>
          <c:idx val="2"/>
          <c:order val="2"/>
          <c:tx>
            <c:strRef>
              <c:f>'All Scenarios'!$E$1</c:f>
              <c:strCache>
                <c:ptCount val="1"/>
                <c:pt idx="0">
                  <c:v>AETE </c:v>
                </c:pt>
              </c:strCache>
            </c:strRef>
          </c:tx>
          <c:spPr>
            <a:solidFill>
              <a:schemeClr val="accent3"/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All Scenarios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2026 SD, incl ARIEL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2026 SD, incl ARIEL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2026 SD, incl ARIEL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2026 SD, incl ARIEL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2026 SD, incl ARIEL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2026 SD, incl ARIEL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All Scenarios'!$E$2:$E$31</c:f>
              <c:numCache>
                <c:formatCode>General</c:formatCode>
                <c:ptCount val="30"/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6">
                  <c:v>0</c:v>
                </c:pt>
                <c:pt idx="7">
                  <c:v>0</c:v>
                </c:pt>
                <c:pt idx="8">
                  <c:v>0</c:v>
                </c:pt>
                <c:pt idx="11">
                  <c:v>0</c:v>
                </c:pt>
                <c:pt idx="12">
                  <c:v>0</c:v>
                </c:pt>
                <c:pt idx="13">
                  <c:v>0</c:v>
                </c:pt>
                <c:pt idx="18">
                  <c:v>330</c:v>
                </c:pt>
                <c:pt idx="23">
                  <c:v>660</c:v>
                </c:pt>
                <c:pt idx="28">
                  <c:v>66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4FF4-400E-BDDC-F1D3D92BB099}"/>
            </c:ext>
          </c:extLst>
        </c:ser>
        <c:ser>
          <c:idx val="3"/>
          <c:order val="3"/>
          <c:tx>
            <c:strRef>
              <c:f>'All Scenarios'!$F$1</c:f>
              <c:strCache>
                <c:ptCount val="1"/>
                <c:pt idx="0">
                  <c:v>total RIB hours</c:v>
                </c:pt>
              </c:strCache>
            </c:strRef>
          </c:tx>
          <c:spPr>
            <a:noFill/>
            <a:ln>
              <a:noFill/>
            </a:ln>
            <a:effectLst/>
          </c:spPr>
          <c:invertIfNegative val="0"/>
          <c:cat>
            <c:multiLvlStrRef>
              <c:f>'All Scenarios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2026 SD, incl ARIEL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2026 SD, incl ARIEL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2026 SD, incl ARIEL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2026 SD, incl ARIEL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2026 SD, incl ARIEL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2026 SD, incl ARIEL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All Scenarios'!$F$2:$F$31</c:f>
              <c:numCache>
                <c:formatCode>General</c:formatCode>
                <c:ptCount val="30"/>
                <c:pt idx="1">
                  <c:v>3200</c:v>
                </c:pt>
                <c:pt idx="2">
                  <c:v>3200</c:v>
                </c:pt>
                <c:pt idx="3">
                  <c:v>3200</c:v>
                </c:pt>
                <c:pt idx="6">
                  <c:v>3200</c:v>
                </c:pt>
                <c:pt idx="7">
                  <c:v>0</c:v>
                </c:pt>
                <c:pt idx="8">
                  <c:v>0</c:v>
                </c:pt>
                <c:pt idx="11">
                  <c:v>3200</c:v>
                </c:pt>
                <c:pt idx="12">
                  <c:v>4400</c:v>
                </c:pt>
                <c:pt idx="13">
                  <c:v>4730</c:v>
                </c:pt>
                <c:pt idx="16">
                  <c:v>3200</c:v>
                </c:pt>
                <c:pt idx="17">
                  <c:v>4400</c:v>
                </c:pt>
                <c:pt idx="18">
                  <c:v>5390</c:v>
                </c:pt>
                <c:pt idx="21">
                  <c:v>3200</c:v>
                </c:pt>
                <c:pt idx="22">
                  <c:v>4400</c:v>
                </c:pt>
                <c:pt idx="23">
                  <c:v>5720</c:v>
                </c:pt>
                <c:pt idx="26">
                  <c:v>3200</c:v>
                </c:pt>
                <c:pt idx="27">
                  <c:v>4400</c:v>
                </c:pt>
                <c:pt idx="28">
                  <c:v>605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4FF4-400E-BDDC-F1D3D92BB09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50"/>
        <c:overlap val="100"/>
        <c:axId val="2068618720"/>
        <c:axId val="2068615360"/>
      </c:barChart>
      <c:lineChart>
        <c:grouping val="standard"/>
        <c:varyColors val="0"/>
        <c:ser>
          <c:idx val="4"/>
          <c:order val="4"/>
          <c:tx>
            <c:strRef>
              <c:f>'All Scenarios'!$C$33</c:f>
              <c:strCache>
                <c:ptCount val="1"/>
                <c:pt idx="0">
                  <c:v>accumulative, 6 month operation</c:v>
                </c:pt>
              </c:strCache>
            </c:strRef>
          </c:tx>
          <c:spPr>
            <a:ln w="28575" cap="rnd">
              <a:solidFill>
                <a:schemeClr val="accent5"/>
              </a:solidFill>
              <a:round/>
            </a:ln>
            <a:effectLst/>
          </c:spPr>
          <c:marker>
            <c:symbol val="none"/>
          </c:marker>
          <c:cat>
            <c:numRef>
              <c:f>'All Scenarios'!$A$35:$A$62</c:f>
              <c:numCache>
                <c:formatCode>General</c:formatCode>
                <c:ptCount val="28"/>
                <c:pt idx="2">
                  <c:v>2025</c:v>
                </c:pt>
                <c:pt idx="7">
                  <c:v>2026</c:v>
                </c:pt>
                <c:pt idx="12">
                  <c:v>2027</c:v>
                </c:pt>
                <c:pt idx="17">
                  <c:v>2028</c:v>
                </c:pt>
                <c:pt idx="22">
                  <c:v>2029</c:v>
                </c:pt>
                <c:pt idx="27">
                  <c:v>2030</c:v>
                </c:pt>
              </c:numCache>
            </c:numRef>
          </c:cat>
          <c:val>
            <c:numRef>
              <c:f>'All Scenarios'!$C$35:$C$62</c:f>
              <c:numCache>
                <c:formatCode>General</c:formatCode>
                <c:ptCount val="28"/>
                <c:pt idx="0">
                  <c:v>3200</c:v>
                </c:pt>
                <c:pt idx="1">
                  <c:v>3200</c:v>
                </c:pt>
                <c:pt idx="2">
                  <c:v>3200</c:v>
                </c:pt>
                <c:pt idx="3">
                  <c:v>3840</c:v>
                </c:pt>
                <c:pt idx="4">
                  <c:v>4480</c:v>
                </c:pt>
                <c:pt idx="5">
                  <c:v>5120</c:v>
                </c:pt>
                <c:pt idx="6">
                  <c:v>5760</c:v>
                </c:pt>
                <c:pt idx="7">
                  <c:v>6400</c:v>
                </c:pt>
                <c:pt idx="8">
                  <c:v>7040</c:v>
                </c:pt>
                <c:pt idx="9">
                  <c:v>7680</c:v>
                </c:pt>
                <c:pt idx="10">
                  <c:v>8320</c:v>
                </c:pt>
                <c:pt idx="11">
                  <c:v>8960</c:v>
                </c:pt>
                <c:pt idx="12">
                  <c:v>9600</c:v>
                </c:pt>
                <c:pt idx="13">
                  <c:v>10240</c:v>
                </c:pt>
                <c:pt idx="14">
                  <c:v>10880</c:v>
                </c:pt>
                <c:pt idx="15">
                  <c:v>11520</c:v>
                </c:pt>
                <c:pt idx="16">
                  <c:v>12160</c:v>
                </c:pt>
                <c:pt idx="17">
                  <c:v>12800</c:v>
                </c:pt>
                <c:pt idx="18">
                  <c:v>13440</c:v>
                </c:pt>
                <c:pt idx="19">
                  <c:v>14080</c:v>
                </c:pt>
                <c:pt idx="20">
                  <c:v>14720</c:v>
                </c:pt>
                <c:pt idx="21">
                  <c:v>15360</c:v>
                </c:pt>
                <c:pt idx="22">
                  <c:v>16000</c:v>
                </c:pt>
                <c:pt idx="23">
                  <c:v>16640</c:v>
                </c:pt>
                <c:pt idx="24">
                  <c:v>17280</c:v>
                </c:pt>
                <c:pt idx="25">
                  <c:v>17920</c:v>
                </c:pt>
                <c:pt idx="26">
                  <c:v>18560</c:v>
                </c:pt>
                <c:pt idx="27">
                  <c:v>192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6-2CE3-3844-9701-59FF80F3C5F0}"/>
            </c:ext>
          </c:extLst>
        </c:ser>
        <c:ser>
          <c:idx val="6"/>
          <c:order val="5"/>
          <c:tx>
            <c:strRef>
              <c:f>'All Scenarios'!$B$33</c:f>
              <c:strCache>
                <c:ptCount val="1"/>
                <c:pt idx="0">
                  <c:v>accumulative, ISAC only</c:v>
                </c:pt>
              </c:strCache>
            </c:strRef>
          </c:tx>
          <c:spPr>
            <a:ln w="28575" cap="rnd">
              <a:solidFill>
                <a:schemeClr val="accent1">
                  <a:lumMod val="60000"/>
                </a:schemeClr>
              </a:solidFill>
              <a:round/>
            </a:ln>
            <a:effectLst/>
          </c:spPr>
          <c:marker>
            <c:symbol val="none"/>
          </c:marker>
          <c:val>
            <c:numRef>
              <c:f>'All Scenarios'!$B$34:$B$61</c:f>
              <c:numCache>
                <c:formatCode>General</c:formatCode>
                <c:ptCount val="28"/>
                <c:pt idx="0">
                  <c:v>3200</c:v>
                </c:pt>
                <c:pt idx="1">
                  <c:v>3200</c:v>
                </c:pt>
                <c:pt idx="2">
                  <c:v>3200</c:v>
                </c:pt>
                <c:pt idx="3">
                  <c:v>3200</c:v>
                </c:pt>
                <c:pt idx="4">
                  <c:v>3200</c:v>
                </c:pt>
                <c:pt idx="5">
                  <c:v>3200</c:v>
                </c:pt>
                <c:pt idx="6">
                  <c:v>3200</c:v>
                </c:pt>
                <c:pt idx="7">
                  <c:v>3200</c:v>
                </c:pt>
                <c:pt idx="8">
                  <c:v>4080</c:v>
                </c:pt>
                <c:pt idx="9">
                  <c:v>4960</c:v>
                </c:pt>
                <c:pt idx="10">
                  <c:v>5840</c:v>
                </c:pt>
                <c:pt idx="11">
                  <c:v>6720</c:v>
                </c:pt>
                <c:pt idx="12">
                  <c:v>7600</c:v>
                </c:pt>
                <c:pt idx="13">
                  <c:v>8480</c:v>
                </c:pt>
                <c:pt idx="14">
                  <c:v>9360</c:v>
                </c:pt>
                <c:pt idx="15">
                  <c:v>10240</c:v>
                </c:pt>
                <c:pt idx="16">
                  <c:v>11120</c:v>
                </c:pt>
                <c:pt idx="17">
                  <c:v>12000</c:v>
                </c:pt>
                <c:pt idx="18">
                  <c:v>12880</c:v>
                </c:pt>
                <c:pt idx="19">
                  <c:v>13760</c:v>
                </c:pt>
                <c:pt idx="20">
                  <c:v>14640</c:v>
                </c:pt>
                <c:pt idx="21">
                  <c:v>15520</c:v>
                </c:pt>
                <c:pt idx="22">
                  <c:v>16400</c:v>
                </c:pt>
                <c:pt idx="23">
                  <c:v>17280</c:v>
                </c:pt>
                <c:pt idx="24">
                  <c:v>18160</c:v>
                </c:pt>
                <c:pt idx="25">
                  <c:v>19040</c:v>
                </c:pt>
                <c:pt idx="26">
                  <c:v>19920</c:v>
                </c:pt>
                <c:pt idx="27">
                  <c:v>208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8-2CE3-3844-9701-59FF80F3C5F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723342639"/>
        <c:axId val="371187487"/>
      </c:lineChart>
      <c:catAx>
        <c:axId val="206861872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bg1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8615360"/>
        <c:crosses val="autoZero"/>
        <c:auto val="1"/>
        <c:lblAlgn val="ctr"/>
        <c:lblOffset val="100"/>
        <c:noMultiLvlLbl val="0"/>
      </c:catAx>
      <c:valAx>
        <c:axId val="2068615360"/>
        <c:scaling>
          <c:orientation val="minMax"/>
          <c:max val="24000"/>
          <c:min val="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8618720"/>
        <c:crosses val="autoZero"/>
        <c:crossBetween val="between"/>
      </c:valAx>
      <c:valAx>
        <c:axId val="371187487"/>
        <c:scaling>
          <c:orientation val="minMax"/>
          <c:max val="24000"/>
          <c:min val="0"/>
        </c:scaling>
        <c:delete val="1"/>
        <c:axPos val="r"/>
        <c:numFmt formatCode="General" sourceLinked="1"/>
        <c:majorTickMark val="out"/>
        <c:minorTickMark val="none"/>
        <c:tickLblPos val="nextTo"/>
        <c:crossAx val="723342639"/>
        <c:crosses val="max"/>
        <c:crossBetween val="between"/>
      </c:valAx>
      <c:catAx>
        <c:axId val="723342639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371187487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plotVisOnly val="1"/>
    <c:dispBlanksAs val="zero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2000" b="1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2000" b="1"/>
              <a:t>RIB Hours in Different Scenarios</a:t>
            </a:r>
          </a:p>
        </c:rich>
      </c:tx>
      <c:layout>
        <c:manualLayout>
          <c:xMode val="edge"/>
          <c:yMode val="edge"/>
          <c:x val="0.33925663429790343"/>
          <c:y val="2.10162811640835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1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6.2412739349012536E-2"/>
          <c:y val="4.6553690802926657E-2"/>
          <c:w val="0.90641117824844175"/>
          <c:h val="0.61333712295800735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'All Scenarios'!$C$1</c:f>
              <c:strCache>
                <c:ptCount val="1"/>
                <c:pt idx="0">
                  <c:v>ITE/ITW</c:v>
                </c:pt>
              </c:strCache>
            </c:strRef>
          </c:tx>
          <c:spPr>
            <a:solidFill>
              <a:schemeClr val="bg1">
                <a:lumMod val="50000"/>
              </a:schemeClr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All Scenarios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2026 SD, incl ARIEL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2026 SD, incl ARIEL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2026 SD, incl ARIEL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2026 SD, incl ARIEL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2026 SD, incl ARIEL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2026 SD, incl ARIEL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All Scenarios'!$C$2:$C$31</c:f>
              <c:numCache>
                <c:formatCode>General</c:formatCode>
                <c:ptCount val="30"/>
                <c:pt idx="1">
                  <c:v>3200</c:v>
                </c:pt>
                <c:pt idx="2">
                  <c:v>3200</c:v>
                </c:pt>
                <c:pt idx="3">
                  <c:v>3200</c:v>
                </c:pt>
                <c:pt idx="6">
                  <c:v>3200</c:v>
                </c:pt>
                <c:pt idx="7">
                  <c:v>0</c:v>
                </c:pt>
                <c:pt idx="8">
                  <c:v>0</c:v>
                </c:pt>
                <c:pt idx="11">
                  <c:v>3200</c:v>
                </c:pt>
                <c:pt idx="12">
                  <c:v>4400</c:v>
                </c:pt>
                <c:pt idx="13">
                  <c:v>4400</c:v>
                </c:pt>
                <c:pt idx="16">
                  <c:v>3200</c:v>
                </c:pt>
                <c:pt idx="17">
                  <c:v>4400</c:v>
                </c:pt>
                <c:pt idx="18">
                  <c:v>4400</c:v>
                </c:pt>
                <c:pt idx="21">
                  <c:v>3200</c:v>
                </c:pt>
                <c:pt idx="22">
                  <c:v>4400</c:v>
                </c:pt>
                <c:pt idx="23">
                  <c:v>4400</c:v>
                </c:pt>
                <c:pt idx="26">
                  <c:v>3200</c:v>
                </c:pt>
                <c:pt idx="27">
                  <c:v>4400</c:v>
                </c:pt>
                <c:pt idx="28">
                  <c:v>44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FF4-400E-BDDC-F1D3D92BB099}"/>
            </c:ext>
          </c:extLst>
        </c:ser>
        <c:ser>
          <c:idx val="1"/>
          <c:order val="1"/>
          <c:tx>
            <c:strRef>
              <c:f>'All Scenarios'!$D$1</c:f>
              <c:strCache>
                <c:ptCount val="1"/>
                <c:pt idx="0">
                  <c:v>APTW</c:v>
                </c:pt>
              </c:strCache>
            </c:strRef>
          </c:tx>
          <c:spPr>
            <a:solidFill>
              <a:schemeClr val="accent2"/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All Scenarios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2026 SD, incl ARIEL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2026 SD, incl ARIEL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2026 SD, incl ARIEL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2026 SD, incl ARIEL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2026 SD, incl ARIEL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2026 SD, incl ARIEL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All Scenarios'!$D$2:$D$31</c:f>
              <c:numCache>
                <c:formatCode>General</c:formatCode>
                <c:ptCount val="30"/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6">
                  <c:v>0</c:v>
                </c:pt>
                <c:pt idx="7">
                  <c:v>0</c:v>
                </c:pt>
                <c:pt idx="8">
                  <c:v>0</c:v>
                </c:pt>
                <c:pt idx="11">
                  <c:v>0</c:v>
                </c:pt>
                <c:pt idx="12">
                  <c:v>0</c:v>
                </c:pt>
                <c:pt idx="13">
                  <c:v>330</c:v>
                </c:pt>
                <c:pt idx="18">
                  <c:v>660</c:v>
                </c:pt>
                <c:pt idx="23">
                  <c:v>660</c:v>
                </c:pt>
                <c:pt idx="28">
                  <c:v>99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4FF4-400E-BDDC-F1D3D92BB099}"/>
            </c:ext>
          </c:extLst>
        </c:ser>
        <c:ser>
          <c:idx val="2"/>
          <c:order val="2"/>
          <c:tx>
            <c:strRef>
              <c:f>'All Scenarios'!$E$1</c:f>
              <c:strCache>
                <c:ptCount val="1"/>
                <c:pt idx="0">
                  <c:v>AETE </c:v>
                </c:pt>
              </c:strCache>
            </c:strRef>
          </c:tx>
          <c:spPr>
            <a:solidFill>
              <a:schemeClr val="accent3"/>
            </a:solidFill>
            <a:ln>
              <a:solidFill>
                <a:sysClr val="windowText" lastClr="000000"/>
              </a:solidFill>
            </a:ln>
            <a:effectLst/>
          </c:spPr>
          <c:invertIfNegative val="0"/>
          <c:cat>
            <c:multiLvlStrRef>
              <c:f>'All Scenarios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2026 SD, incl ARIEL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2026 SD, incl ARIEL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2026 SD, incl ARIEL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2026 SD, incl ARIEL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2026 SD, incl ARIEL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2026 SD, incl ARIEL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All Scenarios'!$E$2:$E$31</c:f>
              <c:numCache>
                <c:formatCode>General</c:formatCode>
                <c:ptCount val="30"/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6">
                  <c:v>0</c:v>
                </c:pt>
                <c:pt idx="7">
                  <c:v>0</c:v>
                </c:pt>
                <c:pt idx="8">
                  <c:v>0</c:v>
                </c:pt>
                <c:pt idx="11">
                  <c:v>0</c:v>
                </c:pt>
                <c:pt idx="12">
                  <c:v>0</c:v>
                </c:pt>
                <c:pt idx="13">
                  <c:v>0</c:v>
                </c:pt>
                <c:pt idx="18">
                  <c:v>330</c:v>
                </c:pt>
                <c:pt idx="23">
                  <c:v>660</c:v>
                </c:pt>
                <c:pt idx="28">
                  <c:v>66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4FF4-400E-BDDC-F1D3D92BB099}"/>
            </c:ext>
          </c:extLst>
        </c:ser>
        <c:ser>
          <c:idx val="3"/>
          <c:order val="3"/>
          <c:tx>
            <c:strRef>
              <c:f>'All Scenarios'!$F$1</c:f>
              <c:strCache>
                <c:ptCount val="1"/>
                <c:pt idx="0">
                  <c:v>total RIB hours</c:v>
                </c:pt>
              </c:strCache>
            </c:strRef>
          </c:tx>
          <c:spPr>
            <a:noFill/>
            <a:ln>
              <a:noFill/>
            </a:ln>
            <a:effectLst/>
          </c:spPr>
          <c:invertIfNegative val="0"/>
          <c:cat>
            <c:multiLvlStrRef>
              <c:f>'All Scenarios'!$A$2:$B$31</c:f>
              <c:multiLvlStrCache>
                <c:ptCount val="29"/>
                <c:lvl>
                  <c:pt idx="1">
                    <c:v>6 month operation   </c:v>
                  </c:pt>
                  <c:pt idx="2">
                    <c:v>2026 SD, ISAC only </c:v>
                  </c:pt>
                  <c:pt idx="3">
                    <c:v>2026 SD, incl ARIEL</c:v>
                  </c:pt>
                  <c:pt idx="6">
                    <c:v>6 month operation   </c:v>
                  </c:pt>
                  <c:pt idx="7">
                    <c:v>2026 SD, ISAC only </c:v>
                  </c:pt>
                  <c:pt idx="8">
                    <c:v>2026 SD, incl ARIEL</c:v>
                  </c:pt>
                  <c:pt idx="11">
                    <c:v>6 month operation   </c:v>
                  </c:pt>
                  <c:pt idx="12">
                    <c:v>2026 SD, ISAC only </c:v>
                  </c:pt>
                  <c:pt idx="13">
                    <c:v>2026 SD, incl ARIEL</c:v>
                  </c:pt>
                  <c:pt idx="16">
                    <c:v>6 month operation   </c:v>
                  </c:pt>
                  <c:pt idx="17">
                    <c:v>2026 SD, ISAC only </c:v>
                  </c:pt>
                  <c:pt idx="18">
                    <c:v>2026 SD, incl ARIEL</c:v>
                  </c:pt>
                  <c:pt idx="21">
                    <c:v>6 month operation   </c:v>
                  </c:pt>
                  <c:pt idx="22">
                    <c:v>2026 SD, ISAC only </c:v>
                  </c:pt>
                  <c:pt idx="23">
                    <c:v>2026 SD, incl ARIEL</c:v>
                  </c:pt>
                  <c:pt idx="26">
                    <c:v>6 month operation   </c:v>
                  </c:pt>
                  <c:pt idx="27">
                    <c:v>2026 SD, ISAC only </c:v>
                  </c:pt>
                  <c:pt idx="28">
                    <c:v>2026 SD, incl ARIEL</c:v>
                  </c:pt>
                </c:lvl>
                <c:lvl>
                  <c:pt idx="0">
                    <c:v>2025</c:v>
                  </c:pt>
                  <c:pt idx="5">
                    <c:v>2026</c:v>
                  </c:pt>
                  <c:pt idx="10">
                    <c:v>2027</c:v>
                  </c:pt>
                  <c:pt idx="15">
                    <c:v>2028</c:v>
                  </c:pt>
                  <c:pt idx="20">
                    <c:v>2029</c:v>
                  </c:pt>
                  <c:pt idx="25">
                    <c:v>2030</c:v>
                  </c:pt>
                </c:lvl>
              </c:multiLvlStrCache>
            </c:multiLvlStrRef>
          </c:cat>
          <c:val>
            <c:numRef>
              <c:f>'All Scenarios'!$F$2:$F$31</c:f>
              <c:numCache>
                <c:formatCode>General</c:formatCode>
                <c:ptCount val="30"/>
                <c:pt idx="1">
                  <c:v>3200</c:v>
                </c:pt>
                <c:pt idx="2">
                  <c:v>3200</c:v>
                </c:pt>
                <c:pt idx="3">
                  <c:v>3200</c:v>
                </c:pt>
                <c:pt idx="6">
                  <c:v>3200</c:v>
                </c:pt>
                <c:pt idx="7">
                  <c:v>0</c:v>
                </c:pt>
                <c:pt idx="8">
                  <c:v>0</c:v>
                </c:pt>
                <c:pt idx="11">
                  <c:v>3200</c:v>
                </c:pt>
                <c:pt idx="12">
                  <c:v>4400</c:v>
                </c:pt>
                <c:pt idx="13">
                  <c:v>4730</c:v>
                </c:pt>
                <c:pt idx="16">
                  <c:v>3200</c:v>
                </c:pt>
                <c:pt idx="17">
                  <c:v>4400</c:v>
                </c:pt>
                <c:pt idx="18">
                  <c:v>5390</c:v>
                </c:pt>
                <c:pt idx="21">
                  <c:v>3200</c:v>
                </c:pt>
                <c:pt idx="22">
                  <c:v>4400</c:v>
                </c:pt>
                <c:pt idx="23">
                  <c:v>5720</c:v>
                </c:pt>
                <c:pt idx="26">
                  <c:v>3200</c:v>
                </c:pt>
                <c:pt idx="27">
                  <c:v>4400</c:v>
                </c:pt>
                <c:pt idx="28">
                  <c:v>605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4FF4-400E-BDDC-F1D3D92BB09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50"/>
        <c:overlap val="100"/>
        <c:axId val="2068618720"/>
        <c:axId val="2068615360"/>
      </c:barChart>
      <c:lineChart>
        <c:grouping val="standard"/>
        <c:varyColors val="0"/>
        <c:ser>
          <c:idx val="4"/>
          <c:order val="4"/>
          <c:tx>
            <c:strRef>
              <c:f>'All Scenarios'!$C$33</c:f>
              <c:strCache>
                <c:ptCount val="1"/>
                <c:pt idx="0">
                  <c:v>accumulative, 6 month operation</c:v>
                </c:pt>
              </c:strCache>
            </c:strRef>
          </c:tx>
          <c:spPr>
            <a:ln w="28575" cap="rnd">
              <a:solidFill>
                <a:schemeClr val="accent5"/>
              </a:solidFill>
              <a:round/>
            </a:ln>
            <a:effectLst/>
          </c:spPr>
          <c:marker>
            <c:symbol val="none"/>
          </c:marker>
          <c:cat>
            <c:numRef>
              <c:f>'All Scenarios'!$A$35:$A$62</c:f>
              <c:numCache>
                <c:formatCode>General</c:formatCode>
                <c:ptCount val="28"/>
                <c:pt idx="2">
                  <c:v>2025</c:v>
                </c:pt>
                <c:pt idx="7">
                  <c:v>2026</c:v>
                </c:pt>
                <c:pt idx="12">
                  <c:v>2027</c:v>
                </c:pt>
                <c:pt idx="17">
                  <c:v>2028</c:v>
                </c:pt>
                <c:pt idx="22">
                  <c:v>2029</c:v>
                </c:pt>
                <c:pt idx="27">
                  <c:v>2030</c:v>
                </c:pt>
              </c:numCache>
            </c:numRef>
          </c:cat>
          <c:val>
            <c:numRef>
              <c:f>'All Scenarios'!$C$35:$C$62</c:f>
              <c:numCache>
                <c:formatCode>General</c:formatCode>
                <c:ptCount val="28"/>
                <c:pt idx="0">
                  <c:v>3200</c:v>
                </c:pt>
                <c:pt idx="1">
                  <c:v>3200</c:v>
                </c:pt>
                <c:pt idx="2">
                  <c:v>3200</c:v>
                </c:pt>
                <c:pt idx="3">
                  <c:v>3840</c:v>
                </c:pt>
                <c:pt idx="4">
                  <c:v>4480</c:v>
                </c:pt>
                <c:pt idx="5">
                  <c:v>5120</c:v>
                </c:pt>
                <c:pt idx="6">
                  <c:v>5760</c:v>
                </c:pt>
                <c:pt idx="7">
                  <c:v>6400</c:v>
                </c:pt>
                <c:pt idx="8">
                  <c:v>7040</c:v>
                </c:pt>
                <c:pt idx="9">
                  <c:v>7680</c:v>
                </c:pt>
                <c:pt idx="10">
                  <c:v>8320</c:v>
                </c:pt>
                <c:pt idx="11">
                  <c:v>8960</c:v>
                </c:pt>
                <c:pt idx="12">
                  <c:v>9600</c:v>
                </c:pt>
                <c:pt idx="13">
                  <c:v>10240</c:v>
                </c:pt>
                <c:pt idx="14">
                  <c:v>10880</c:v>
                </c:pt>
                <c:pt idx="15">
                  <c:v>11520</c:v>
                </c:pt>
                <c:pt idx="16">
                  <c:v>12160</c:v>
                </c:pt>
                <c:pt idx="17">
                  <c:v>12800</c:v>
                </c:pt>
                <c:pt idx="18">
                  <c:v>13440</c:v>
                </c:pt>
                <c:pt idx="19">
                  <c:v>14080</c:v>
                </c:pt>
                <c:pt idx="20">
                  <c:v>14720</c:v>
                </c:pt>
                <c:pt idx="21">
                  <c:v>15360</c:v>
                </c:pt>
                <c:pt idx="22">
                  <c:v>16000</c:v>
                </c:pt>
                <c:pt idx="23">
                  <c:v>16640</c:v>
                </c:pt>
                <c:pt idx="24">
                  <c:v>17280</c:v>
                </c:pt>
                <c:pt idx="25">
                  <c:v>17920</c:v>
                </c:pt>
                <c:pt idx="26">
                  <c:v>18560</c:v>
                </c:pt>
                <c:pt idx="27">
                  <c:v>192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6-2CE3-3844-9701-59FF80F3C5F0}"/>
            </c:ext>
          </c:extLst>
        </c:ser>
        <c:ser>
          <c:idx val="5"/>
          <c:order val="5"/>
          <c:tx>
            <c:strRef>
              <c:f>'All Scenarios'!$D$33</c:f>
              <c:strCache>
                <c:ptCount val="1"/>
                <c:pt idx="0">
                  <c:v>accumulative, incl. ARIEL</c:v>
                </c:pt>
              </c:strCache>
            </c:strRef>
          </c:tx>
          <c:spPr>
            <a:ln w="28575" cap="rnd">
              <a:solidFill>
                <a:schemeClr val="accent6"/>
              </a:solidFill>
              <a:round/>
            </a:ln>
            <a:effectLst/>
          </c:spPr>
          <c:marker>
            <c:symbol val="none"/>
          </c:marker>
          <c:val>
            <c:numRef>
              <c:f>'All Scenarios'!$D$34:$D$61</c:f>
              <c:numCache>
                <c:formatCode>General</c:formatCode>
                <c:ptCount val="28"/>
                <c:pt idx="0">
                  <c:v>3200</c:v>
                </c:pt>
                <c:pt idx="1">
                  <c:v>3200</c:v>
                </c:pt>
                <c:pt idx="2">
                  <c:v>3200</c:v>
                </c:pt>
                <c:pt idx="3">
                  <c:v>3200</c:v>
                </c:pt>
                <c:pt idx="4">
                  <c:v>3200</c:v>
                </c:pt>
                <c:pt idx="5">
                  <c:v>3200</c:v>
                </c:pt>
                <c:pt idx="6">
                  <c:v>3200</c:v>
                </c:pt>
                <c:pt idx="7">
                  <c:v>3200</c:v>
                </c:pt>
                <c:pt idx="8">
                  <c:v>4146</c:v>
                </c:pt>
                <c:pt idx="9">
                  <c:v>5092</c:v>
                </c:pt>
                <c:pt idx="10">
                  <c:v>6038</c:v>
                </c:pt>
                <c:pt idx="11">
                  <c:v>6984</c:v>
                </c:pt>
                <c:pt idx="12">
                  <c:v>7930</c:v>
                </c:pt>
                <c:pt idx="13">
                  <c:v>9008</c:v>
                </c:pt>
                <c:pt idx="14">
                  <c:v>10086</c:v>
                </c:pt>
                <c:pt idx="15">
                  <c:v>11164</c:v>
                </c:pt>
                <c:pt idx="16">
                  <c:v>12242</c:v>
                </c:pt>
                <c:pt idx="17">
                  <c:v>13320</c:v>
                </c:pt>
                <c:pt idx="18">
                  <c:v>14464</c:v>
                </c:pt>
                <c:pt idx="19">
                  <c:v>15608</c:v>
                </c:pt>
                <c:pt idx="20">
                  <c:v>16752</c:v>
                </c:pt>
                <c:pt idx="21">
                  <c:v>17896</c:v>
                </c:pt>
                <c:pt idx="22">
                  <c:v>19040</c:v>
                </c:pt>
                <c:pt idx="23">
                  <c:v>20250</c:v>
                </c:pt>
                <c:pt idx="24">
                  <c:v>21460</c:v>
                </c:pt>
                <c:pt idx="25">
                  <c:v>22670</c:v>
                </c:pt>
                <c:pt idx="26">
                  <c:v>23880</c:v>
                </c:pt>
                <c:pt idx="27">
                  <c:v>2509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7-2CE3-3844-9701-59FF80F3C5F0}"/>
            </c:ext>
          </c:extLst>
        </c:ser>
        <c:ser>
          <c:idx val="6"/>
          <c:order val="6"/>
          <c:tx>
            <c:strRef>
              <c:f>'All Scenarios'!$B$33</c:f>
              <c:strCache>
                <c:ptCount val="1"/>
                <c:pt idx="0">
                  <c:v>accumulative, ISAC only</c:v>
                </c:pt>
              </c:strCache>
            </c:strRef>
          </c:tx>
          <c:spPr>
            <a:ln w="28575" cap="rnd">
              <a:solidFill>
                <a:schemeClr val="accent1">
                  <a:lumMod val="60000"/>
                </a:schemeClr>
              </a:solidFill>
              <a:round/>
            </a:ln>
            <a:effectLst/>
          </c:spPr>
          <c:marker>
            <c:symbol val="none"/>
          </c:marker>
          <c:val>
            <c:numRef>
              <c:f>'All Scenarios'!$B$34:$B$61</c:f>
              <c:numCache>
                <c:formatCode>General</c:formatCode>
                <c:ptCount val="28"/>
                <c:pt idx="0">
                  <c:v>3200</c:v>
                </c:pt>
                <c:pt idx="1">
                  <c:v>3200</c:v>
                </c:pt>
                <c:pt idx="2">
                  <c:v>3200</c:v>
                </c:pt>
                <c:pt idx="3">
                  <c:v>3200</c:v>
                </c:pt>
                <c:pt idx="4">
                  <c:v>3200</c:v>
                </c:pt>
                <c:pt idx="5">
                  <c:v>3200</c:v>
                </c:pt>
                <c:pt idx="6">
                  <c:v>3200</c:v>
                </c:pt>
                <c:pt idx="7">
                  <c:v>3200</c:v>
                </c:pt>
                <c:pt idx="8">
                  <c:v>4080</c:v>
                </c:pt>
                <c:pt idx="9">
                  <c:v>4960</c:v>
                </c:pt>
                <c:pt idx="10">
                  <c:v>5840</c:v>
                </c:pt>
                <c:pt idx="11">
                  <c:v>6720</c:v>
                </c:pt>
                <c:pt idx="12">
                  <c:v>7600</c:v>
                </c:pt>
                <c:pt idx="13">
                  <c:v>8480</c:v>
                </c:pt>
                <c:pt idx="14">
                  <c:v>9360</c:v>
                </c:pt>
                <c:pt idx="15">
                  <c:v>10240</c:v>
                </c:pt>
                <c:pt idx="16">
                  <c:v>11120</c:v>
                </c:pt>
                <c:pt idx="17">
                  <c:v>12000</c:v>
                </c:pt>
                <c:pt idx="18">
                  <c:v>12880</c:v>
                </c:pt>
                <c:pt idx="19">
                  <c:v>13760</c:v>
                </c:pt>
                <c:pt idx="20">
                  <c:v>14640</c:v>
                </c:pt>
                <c:pt idx="21">
                  <c:v>15520</c:v>
                </c:pt>
                <c:pt idx="22">
                  <c:v>16400</c:v>
                </c:pt>
                <c:pt idx="23">
                  <c:v>17280</c:v>
                </c:pt>
                <c:pt idx="24">
                  <c:v>18160</c:v>
                </c:pt>
                <c:pt idx="25">
                  <c:v>19040</c:v>
                </c:pt>
                <c:pt idx="26">
                  <c:v>19920</c:v>
                </c:pt>
                <c:pt idx="27">
                  <c:v>208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8-2CE3-3844-9701-59FF80F3C5F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723342639"/>
        <c:axId val="371187487"/>
      </c:lineChart>
      <c:catAx>
        <c:axId val="206861872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bg1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8615360"/>
        <c:crosses val="autoZero"/>
        <c:auto val="1"/>
        <c:lblAlgn val="ctr"/>
        <c:lblOffset val="100"/>
        <c:noMultiLvlLbl val="0"/>
      </c:catAx>
      <c:valAx>
        <c:axId val="2068615360"/>
        <c:scaling>
          <c:orientation val="minMax"/>
          <c:max val="24000"/>
          <c:min val="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8618720"/>
        <c:crosses val="autoZero"/>
        <c:crossBetween val="between"/>
      </c:valAx>
      <c:valAx>
        <c:axId val="371187487"/>
        <c:scaling>
          <c:orientation val="minMax"/>
          <c:max val="24000"/>
          <c:min val="0"/>
        </c:scaling>
        <c:delete val="1"/>
        <c:axPos val="r"/>
        <c:numFmt formatCode="General" sourceLinked="1"/>
        <c:majorTickMark val="out"/>
        <c:minorTickMark val="none"/>
        <c:tickLblPos val="nextTo"/>
        <c:crossAx val="723342639"/>
        <c:crosses val="max"/>
        <c:crossBetween val="between"/>
      </c:valAx>
      <c:catAx>
        <c:axId val="723342639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371187487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plotVisOnly val="1"/>
    <c:dispBlanksAs val="zero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CA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C34517A-8017-4D9C-9D5A-8CB8417FCA7B}" type="datetimeFigureOut">
              <a:rPr lang="en-CA" smtClean="0"/>
              <a:t>2024-05-22</a:t>
            </a:fld>
            <a:endParaRPr lang="en-CA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CA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C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C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255FC89-D5C9-4A28-8C75-8ED810812383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279901148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AFA6A82-C43D-0E45-8BBC-3BA89641B414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098915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255FC89-D5C9-4A28-8C75-8ED810812383}" type="slidenum">
              <a:rPr lang="en-CA" smtClean="0"/>
              <a:t>21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70812764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255FC89-D5C9-4A28-8C75-8ED810812383}" type="slidenum">
              <a:rPr lang="en-CA" smtClean="0"/>
              <a:t>27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21156015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defTabSz="931774">
              <a:defRPr/>
            </a:pPr>
            <a:fld id="{96476310-DAD6-EE4F-ABB6-4124C82A7486}" type="slidenum">
              <a:rPr lang="en-US">
                <a:solidFill>
                  <a:prstClr val="black"/>
                </a:solidFill>
                <a:latin typeface="Calibri" panose="020F0502020204030204"/>
              </a:rPr>
              <a:pPr defTabSz="931774">
                <a:defRPr/>
              </a:pPr>
              <a:t>28</a:t>
            </a:fld>
            <a:endParaRPr lang="en-US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1421572039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6476310-DAD6-EE4F-ABB6-4124C82A7486}" type="slidenum">
              <a:rPr lang="en-US" smtClean="0"/>
              <a:t>3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2982773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255FC89-D5C9-4A28-8C75-8ED810812383}" type="slidenum">
              <a:rPr lang="en-CA" smtClean="0"/>
              <a:t>34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05381618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255FC89-D5C9-4A28-8C75-8ED810812383}" type="slidenum">
              <a:rPr lang="en-CA" smtClean="0"/>
              <a:t>37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36390151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AFA6A82-C43D-0E45-8BBC-3BA89641B414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016694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255FC89-D5C9-4A28-8C75-8ED810812383}" type="slidenum">
              <a:rPr lang="en-CA" smtClean="0"/>
              <a:t>3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206369053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6476310-DAD6-EE4F-ABB6-4124C82A7486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959483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255FC89-D5C9-4A28-8C75-8ED810812383}" type="slidenum">
              <a:rPr lang="en-CA" smtClean="0"/>
              <a:t>5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02624899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255FC89-D5C9-4A28-8C75-8ED810812383}" type="slidenum">
              <a:rPr lang="en-CA" smtClean="0"/>
              <a:t>6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00098369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255FC89-D5C9-4A28-8C75-8ED810812383}" type="slidenum">
              <a:rPr lang="en-CA" smtClean="0"/>
              <a:t>7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17317143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6476310-DAD6-EE4F-ABB6-4124C82A7486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860624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6476310-DAD6-EE4F-ABB6-4124C82A7486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915465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2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-92427" y="-16387"/>
            <a:ext cx="5957888" cy="6899872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11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1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sp>
        <p:nvSpPr>
          <p:cNvPr id="6" name="Rectangle 5"/>
          <p:cNvSpPr/>
          <p:nvPr userDrawn="1"/>
        </p:nvSpPr>
        <p:spPr>
          <a:xfrm>
            <a:off x="11403108" y="0"/>
            <a:ext cx="788892" cy="6858000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11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1" b="0" i="0" u="none" strike="noStrike" kern="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5680" y="204095"/>
            <a:ext cx="1947186" cy="350306"/>
          </a:xfrm>
          <a:prstGeom prst="rect">
            <a:avLst/>
          </a:prstGeom>
        </p:spPr>
      </p:pic>
      <p:sp>
        <p:nvSpPr>
          <p:cNvPr id="20" name="TextBox 19"/>
          <p:cNvSpPr txBox="1"/>
          <p:nvPr userDrawn="1"/>
        </p:nvSpPr>
        <p:spPr>
          <a:xfrm rot="16200000">
            <a:off x="10098876" y="4772151"/>
            <a:ext cx="3514724" cy="50270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561"/>
              </a:lnSpc>
            </a:pPr>
            <a:r>
              <a:rPr lang="en-US" sz="1801" b="1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Discovery,</a:t>
            </a:r>
          </a:p>
          <a:p>
            <a:pPr>
              <a:lnSpc>
                <a:spcPts val="1561"/>
              </a:lnSpc>
            </a:pPr>
            <a:r>
              <a:rPr lang="en-US" sz="1801" b="1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accelerated</a:t>
            </a:r>
          </a:p>
        </p:txBody>
      </p:sp>
      <p:sp>
        <p:nvSpPr>
          <p:cNvPr id="11" name="Title 1"/>
          <p:cNvSpPr>
            <a:spLocks noGrp="1"/>
          </p:cNvSpPr>
          <p:nvPr>
            <p:ph type="ctrTitle" hasCustomPrompt="1"/>
          </p:nvPr>
        </p:nvSpPr>
        <p:spPr>
          <a:xfrm>
            <a:off x="662726" y="2032778"/>
            <a:ext cx="3937851" cy="2082023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>
              <a:defRPr sz="4000" b="1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2" name="Subtitle 2"/>
          <p:cNvSpPr>
            <a:spLocks noGrp="1"/>
          </p:cNvSpPr>
          <p:nvPr>
            <p:ph type="subTitle" idx="1"/>
          </p:nvPr>
        </p:nvSpPr>
        <p:spPr>
          <a:xfrm>
            <a:off x="661744" y="4114800"/>
            <a:ext cx="3938834" cy="900340"/>
          </a:xfrm>
          <a:prstGeom prst="rect">
            <a:avLst/>
          </a:prstGeom>
        </p:spPr>
        <p:txBody>
          <a:bodyPr tIns="0" anchor="b">
            <a:normAutofit/>
          </a:bodyPr>
          <a:lstStyle>
            <a:lvl1pPr marL="0" indent="0" algn="l">
              <a:buNone/>
              <a:defRPr sz="1801" b="0">
                <a:solidFill>
                  <a:schemeClr val="tx1"/>
                </a:solidFill>
              </a:defRPr>
            </a:lvl1pPr>
            <a:lvl2pPr marL="457206" indent="0" algn="ctr">
              <a:buNone/>
              <a:defRPr sz="1801"/>
            </a:lvl2pPr>
            <a:lvl3pPr marL="914411" indent="0" algn="ctr">
              <a:buNone/>
              <a:defRPr sz="1801"/>
            </a:lvl3pPr>
            <a:lvl4pPr marL="1371617" indent="0" algn="ctr">
              <a:buNone/>
              <a:defRPr sz="1600"/>
            </a:lvl4pPr>
            <a:lvl5pPr marL="1828823" indent="0" algn="ctr">
              <a:buNone/>
              <a:defRPr sz="1600"/>
            </a:lvl5pPr>
            <a:lvl6pPr marL="2286029" indent="0" algn="ctr">
              <a:buNone/>
              <a:defRPr sz="1600"/>
            </a:lvl6pPr>
            <a:lvl7pPr marL="2743234" indent="0" algn="ctr">
              <a:buNone/>
              <a:defRPr sz="1600"/>
            </a:lvl7pPr>
            <a:lvl8pPr marL="3200440" indent="0" algn="ctr">
              <a:buNone/>
              <a:defRPr sz="1600"/>
            </a:lvl8pPr>
            <a:lvl9pPr marL="3657646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236308798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BS Upda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9">
            <a:extLst>
              <a:ext uri="{FF2B5EF4-FFF2-40B4-BE49-F238E27FC236}">
                <a16:creationId xmlns:a16="http://schemas.microsoft.com/office/drawing/2014/main" id="{85CDA8CD-846D-2448-9087-569224AFFB3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094806" y="204095"/>
            <a:ext cx="9577143" cy="350306"/>
          </a:xfrm>
          <a:prstGeom prst="rect">
            <a:avLst/>
          </a:prstGeom>
        </p:spPr>
        <p:txBody>
          <a:bodyPr/>
          <a:lstStyle>
            <a:lvl1pPr algn="r">
              <a:defRPr sz="2400" b="0">
                <a:solidFill>
                  <a:srgbClr val="00B0F0"/>
                </a:solidFill>
                <a:latin typeface="+mn-lt"/>
              </a:defRPr>
            </a:lvl1pPr>
          </a:lstStyle>
          <a:p>
            <a:r>
              <a:rPr lang="en-US"/>
              <a:t>PXYZ – WBS Name (WBSX)</a:t>
            </a:r>
            <a:endParaRPr lang="en-CA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4024414A-3293-DF20-D413-92C50A15E79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526473" y="1066800"/>
            <a:ext cx="11145476" cy="1051570"/>
          </a:xfrm>
          <a:prstGeom prst="rect">
            <a:avLst/>
          </a:prstGeom>
        </p:spPr>
        <p:txBody>
          <a:bodyPr wrap="square">
            <a:spAutoFit/>
          </a:bodyPr>
          <a:lstStyle>
            <a:lvl1pPr>
              <a:buClr>
                <a:srgbClr val="00B0F0"/>
              </a:buClr>
              <a:defRPr sz="2000" baseline="0">
                <a:latin typeface="Calibri" panose="020F0502020204030204" pitchFamily="34" charset="0"/>
              </a:defRPr>
            </a:lvl1pPr>
            <a:lvl2pPr>
              <a:buClr>
                <a:srgbClr val="00B0F0"/>
              </a:buClr>
              <a:defRPr sz="2000" baseline="0">
                <a:latin typeface="Calibri" panose="020F0502020204030204" pitchFamily="34" charset="0"/>
              </a:defRPr>
            </a:lvl2pPr>
            <a:lvl3pPr>
              <a:buClr>
                <a:srgbClr val="00B0F0"/>
              </a:buClr>
              <a:defRPr sz="2000" baseline="0">
                <a:latin typeface="Calibri" panose="020F0502020204030204" pitchFamily="34" charset="0"/>
              </a:defRPr>
            </a:lvl3pPr>
            <a:lvl4pPr>
              <a:buClr>
                <a:srgbClr val="00B0F0"/>
              </a:buClr>
              <a:defRPr/>
            </a:lvl4pPr>
            <a:lvl5pPr>
              <a:buClr>
                <a:srgbClr val="00B0F0"/>
              </a:buClr>
              <a:defRPr/>
            </a:lvl5pPr>
          </a:lstStyle>
          <a:p>
            <a:pPr lvl="0"/>
            <a:r>
              <a:rPr lang="en-US"/>
              <a:t>Please add your updates here, 1-2 accomplishment and 1-2 issues, pictures are welcome.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2" name="Slide Number Placeholder 5">
            <a:extLst>
              <a:ext uri="{FF2B5EF4-FFF2-40B4-BE49-F238E27FC236}">
                <a16:creationId xmlns:a16="http://schemas.microsoft.com/office/drawing/2014/main" id="{6DBBB9D6-EE85-38FA-8992-F1700ED5F10B}"/>
              </a:ext>
            </a:extLst>
          </p:cNvPr>
          <p:cNvSpPr txBox="1">
            <a:spLocks/>
          </p:cNvSpPr>
          <p:nvPr userDrawn="1"/>
        </p:nvSpPr>
        <p:spPr>
          <a:xfrm>
            <a:off x="10717075" y="6319112"/>
            <a:ext cx="636727" cy="322851"/>
          </a:xfrm>
          <a:prstGeom prst="rect">
            <a:avLst/>
          </a:prstGeom>
        </p:spPr>
        <p:txBody>
          <a:bodyPr vert="horz" lIns="91440" tIns="45721" rIns="45721" bIns="45721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z="1001" smtClean="0">
                <a:solidFill>
                  <a:srgbClr val="00B0F0"/>
                </a:solidFill>
                <a:latin typeface="Arial" panose="020B0604020202020204"/>
              </a:rPr>
              <a:pPr/>
              <a:t>‹#›</a:t>
            </a:fld>
            <a:endParaRPr lang="en-US" sz="1001">
              <a:solidFill>
                <a:srgbClr val="00B0F0"/>
              </a:solidFill>
              <a:latin typeface="Arial" panose="020B0604020202020204"/>
            </a:endParaRPr>
          </a:p>
        </p:txBody>
      </p:sp>
      <p:sp>
        <p:nvSpPr>
          <p:cNvPr id="3" name="Date Placeholder 3">
            <a:extLst>
              <a:ext uri="{FF2B5EF4-FFF2-40B4-BE49-F238E27FC236}">
                <a16:creationId xmlns:a16="http://schemas.microsoft.com/office/drawing/2014/main" id="{1813ED7E-679D-384A-E2E1-53B511B5B97C}"/>
              </a:ext>
            </a:extLst>
          </p:cNvPr>
          <p:cNvSpPr txBox="1">
            <a:spLocks/>
          </p:cNvSpPr>
          <p:nvPr userDrawn="1"/>
        </p:nvSpPr>
        <p:spPr>
          <a:xfrm>
            <a:off x="661744" y="6380072"/>
            <a:ext cx="1305077" cy="226468"/>
          </a:xfrm>
          <a:prstGeom prst="rect">
            <a:avLst/>
          </a:prstGeom>
        </p:spPr>
        <p:txBody>
          <a:bodyPr vert="horz" lIns="91440" tIns="18288" rIns="91440" bIns="45721" rtlCol="0" anchor="t"/>
          <a:lstStyle>
            <a:defPPr>
              <a:defRPr lang="en-US"/>
            </a:defPPr>
            <a:lvl1pPr marL="0" algn="l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CA" sz="1000" dirty="0">
                <a:solidFill>
                  <a:srgbClr val="00B0F0"/>
                </a:solidFill>
                <a:latin typeface="Arial" panose="020B0604020202020204"/>
              </a:rPr>
              <a:t>2024-05-24</a:t>
            </a:r>
            <a:endParaRPr lang="en-US" sz="1000" dirty="0">
              <a:solidFill>
                <a:srgbClr val="00B0F0"/>
              </a:solidFill>
              <a:latin typeface="Arial" panose="020B0604020202020204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FD642C-DFDE-3784-70B8-FEDBF562F697}"/>
              </a:ext>
            </a:extLst>
          </p:cNvPr>
          <p:cNvSpPr txBox="1">
            <a:spLocks/>
          </p:cNvSpPr>
          <p:nvPr userDrawn="1"/>
        </p:nvSpPr>
        <p:spPr>
          <a:xfrm>
            <a:off x="661744" y="6380072"/>
            <a:ext cx="11010206" cy="226468"/>
          </a:xfrm>
          <a:prstGeom prst="rect">
            <a:avLst/>
          </a:prstGeom>
        </p:spPr>
        <p:txBody>
          <a:bodyPr vert="horz" lIns="91440" tIns="18288" rIns="91440" bIns="45721" rtlCol="0" anchor="t"/>
          <a:lstStyle>
            <a:defPPr>
              <a:defRPr lang="en-US"/>
            </a:defPPr>
            <a:lvl1pPr marL="0" algn="l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CA" sz="1000" dirty="0">
                <a:solidFill>
                  <a:srgbClr val="00B0F0"/>
                </a:solidFill>
                <a:latin typeface="+mn-lt"/>
              </a:rPr>
              <a:t>PSD BAE Retreat</a:t>
            </a:r>
          </a:p>
        </p:txBody>
      </p:sp>
    </p:spTree>
    <p:extLst>
      <p:ext uri="{BB962C8B-B14F-4D97-AF65-F5344CB8AC3E}">
        <p14:creationId xmlns:p14="http://schemas.microsoft.com/office/powerpoint/2010/main" val="204775153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It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9">
            <a:extLst>
              <a:ext uri="{FF2B5EF4-FFF2-40B4-BE49-F238E27FC236}">
                <a16:creationId xmlns:a16="http://schemas.microsoft.com/office/drawing/2014/main" id="{85CDA8CD-846D-2448-9087-569224AFFB3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094806" y="204095"/>
            <a:ext cx="9577143" cy="350306"/>
          </a:xfrm>
          <a:prstGeom prst="rect">
            <a:avLst/>
          </a:prstGeom>
        </p:spPr>
        <p:txBody>
          <a:bodyPr/>
          <a:lstStyle>
            <a:lvl1pPr algn="r">
              <a:defRPr sz="2400" b="0">
                <a:solidFill>
                  <a:srgbClr val="00B0F0"/>
                </a:solidFill>
                <a:latin typeface="+mn-lt"/>
              </a:defRPr>
            </a:lvl1pPr>
          </a:lstStyle>
          <a:p>
            <a:r>
              <a:rPr lang="en-US"/>
              <a:t>Agenda Item Title</a:t>
            </a:r>
            <a:endParaRPr lang="en-CA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4024414A-3293-DF20-D413-92C50A15E79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526473" y="1066800"/>
            <a:ext cx="11145476" cy="1051570"/>
          </a:xfrm>
          <a:prstGeom prst="rect">
            <a:avLst/>
          </a:prstGeom>
        </p:spPr>
        <p:txBody>
          <a:bodyPr wrap="square">
            <a:spAutoFit/>
          </a:bodyPr>
          <a:lstStyle>
            <a:lvl1pPr>
              <a:buClr>
                <a:srgbClr val="00B0F0"/>
              </a:buClr>
              <a:defRPr sz="2000" baseline="0">
                <a:latin typeface="Calibri" panose="020F0502020204030204" pitchFamily="34" charset="0"/>
              </a:defRPr>
            </a:lvl1pPr>
            <a:lvl2pPr>
              <a:buClr>
                <a:srgbClr val="00B0F0"/>
              </a:buClr>
              <a:defRPr sz="2000" baseline="0">
                <a:latin typeface="Calibri" panose="020F0502020204030204" pitchFamily="34" charset="0"/>
              </a:defRPr>
            </a:lvl2pPr>
            <a:lvl3pPr>
              <a:buClr>
                <a:srgbClr val="00B0F0"/>
              </a:buClr>
              <a:defRPr sz="2000" baseline="0">
                <a:latin typeface="Calibri" panose="020F0502020204030204" pitchFamily="34" charset="0"/>
              </a:defRPr>
            </a:lvl3pPr>
            <a:lvl4pPr>
              <a:buClr>
                <a:srgbClr val="00B0F0"/>
              </a:buClr>
              <a:defRPr/>
            </a:lvl4pPr>
            <a:lvl5pPr>
              <a:buClr>
                <a:srgbClr val="00B0F0"/>
              </a:buClr>
              <a:defRPr/>
            </a:lvl5pPr>
          </a:lstStyle>
          <a:p>
            <a:pPr lvl="0"/>
            <a:r>
              <a:rPr lang="en-US"/>
              <a:t>Conten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2" name="Slide Number Placeholder 5">
            <a:extLst>
              <a:ext uri="{FF2B5EF4-FFF2-40B4-BE49-F238E27FC236}">
                <a16:creationId xmlns:a16="http://schemas.microsoft.com/office/drawing/2014/main" id="{33AE4AB7-1401-E972-A619-3424554A246A}"/>
              </a:ext>
            </a:extLst>
          </p:cNvPr>
          <p:cNvSpPr txBox="1">
            <a:spLocks/>
          </p:cNvSpPr>
          <p:nvPr userDrawn="1"/>
        </p:nvSpPr>
        <p:spPr>
          <a:xfrm>
            <a:off x="10717075" y="6319112"/>
            <a:ext cx="636727" cy="322851"/>
          </a:xfrm>
          <a:prstGeom prst="rect">
            <a:avLst/>
          </a:prstGeom>
        </p:spPr>
        <p:txBody>
          <a:bodyPr vert="horz" lIns="91440" tIns="45721" rIns="45721" bIns="45721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z="1001" smtClean="0">
                <a:solidFill>
                  <a:srgbClr val="00B0F0"/>
                </a:solidFill>
                <a:latin typeface="Arial" panose="020B0604020202020204"/>
              </a:rPr>
              <a:pPr/>
              <a:t>‹#›</a:t>
            </a:fld>
            <a:endParaRPr lang="en-US" sz="1001">
              <a:solidFill>
                <a:srgbClr val="00B0F0"/>
              </a:solidFill>
              <a:latin typeface="Arial" panose="020B0604020202020204"/>
            </a:endParaRPr>
          </a:p>
        </p:txBody>
      </p:sp>
      <p:sp>
        <p:nvSpPr>
          <p:cNvPr id="3" name="Date Placeholder 3">
            <a:extLst>
              <a:ext uri="{FF2B5EF4-FFF2-40B4-BE49-F238E27FC236}">
                <a16:creationId xmlns:a16="http://schemas.microsoft.com/office/drawing/2014/main" id="{803DB92D-1E55-D065-5DF5-510420DD9436}"/>
              </a:ext>
            </a:extLst>
          </p:cNvPr>
          <p:cNvSpPr txBox="1">
            <a:spLocks/>
          </p:cNvSpPr>
          <p:nvPr userDrawn="1"/>
        </p:nvSpPr>
        <p:spPr>
          <a:xfrm>
            <a:off x="661744" y="6380072"/>
            <a:ext cx="1305077" cy="226468"/>
          </a:xfrm>
          <a:prstGeom prst="rect">
            <a:avLst/>
          </a:prstGeom>
        </p:spPr>
        <p:txBody>
          <a:bodyPr vert="horz" lIns="91440" tIns="18288" rIns="91440" bIns="45721" rtlCol="0" anchor="t"/>
          <a:lstStyle>
            <a:defPPr>
              <a:defRPr lang="en-US"/>
            </a:defPPr>
            <a:lvl1pPr marL="0" algn="l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CA" sz="1000" dirty="0">
                <a:solidFill>
                  <a:srgbClr val="00B0F0"/>
                </a:solidFill>
                <a:latin typeface="Arial" panose="020B0604020202020204"/>
              </a:rPr>
              <a:t>2024-05-24</a:t>
            </a:r>
            <a:endParaRPr lang="en-US" sz="1000" dirty="0">
              <a:solidFill>
                <a:srgbClr val="00B0F0"/>
              </a:solidFill>
              <a:latin typeface="Arial" panose="020B0604020202020204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D14B51E-D42C-F2D4-6179-6207DDB850C3}"/>
              </a:ext>
            </a:extLst>
          </p:cNvPr>
          <p:cNvSpPr txBox="1">
            <a:spLocks/>
          </p:cNvSpPr>
          <p:nvPr userDrawn="1"/>
        </p:nvSpPr>
        <p:spPr>
          <a:xfrm>
            <a:off x="661744" y="6380072"/>
            <a:ext cx="11010206" cy="226468"/>
          </a:xfrm>
          <a:prstGeom prst="rect">
            <a:avLst/>
          </a:prstGeom>
        </p:spPr>
        <p:txBody>
          <a:bodyPr vert="horz" lIns="91440" tIns="18288" rIns="91440" bIns="45721" rtlCol="0" anchor="t"/>
          <a:lstStyle>
            <a:defPPr>
              <a:defRPr lang="en-US"/>
            </a:defPPr>
            <a:lvl1pPr marL="0" algn="l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CA" sz="1000" dirty="0">
                <a:solidFill>
                  <a:srgbClr val="00B0F0"/>
                </a:solidFill>
                <a:latin typeface="+mn-lt"/>
              </a:rPr>
              <a:t>PSD BAE Retreat</a:t>
            </a:r>
          </a:p>
        </p:txBody>
      </p:sp>
    </p:spTree>
    <p:extLst>
      <p:ext uri="{BB962C8B-B14F-4D97-AF65-F5344CB8AC3E}">
        <p14:creationId xmlns:p14="http://schemas.microsoft.com/office/powerpoint/2010/main" val="149758161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25887614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9">
            <a:extLst>
              <a:ext uri="{FF2B5EF4-FFF2-40B4-BE49-F238E27FC236}">
                <a16:creationId xmlns:a16="http://schemas.microsoft.com/office/drawing/2014/main" id="{E1EA9860-793B-E742-8B95-15AC81A1CA2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094806" y="204095"/>
            <a:ext cx="9577143" cy="350306"/>
          </a:xfrm>
          <a:prstGeom prst="rect">
            <a:avLst/>
          </a:prstGeom>
        </p:spPr>
        <p:txBody>
          <a:bodyPr/>
          <a:lstStyle>
            <a:lvl1pPr algn="r">
              <a:defRPr sz="2800" b="0">
                <a:solidFill>
                  <a:srgbClr val="00B0F0"/>
                </a:solidFill>
                <a:latin typeface="+mn-lt"/>
              </a:defRPr>
            </a:lvl1pPr>
          </a:lstStyle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Slide Number Placeholder 5">
            <a:extLst>
              <a:ext uri="{FF2B5EF4-FFF2-40B4-BE49-F238E27FC236}">
                <a16:creationId xmlns:a16="http://schemas.microsoft.com/office/drawing/2014/main" id="{4CDF537C-12C4-7DF2-C7F5-9E354529CBF1}"/>
              </a:ext>
            </a:extLst>
          </p:cNvPr>
          <p:cNvSpPr txBox="1">
            <a:spLocks/>
          </p:cNvSpPr>
          <p:nvPr userDrawn="1"/>
        </p:nvSpPr>
        <p:spPr>
          <a:xfrm>
            <a:off x="10717075" y="6319112"/>
            <a:ext cx="636727" cy="322851"/>
          </a:xfrm>
          <a:prstGeom prst="rect">
            <a:avLst/>
          </a:prstGeom>
        </p:spPr>
        <p:txBody>
          <a:bodyPr vert="horz" lIns="91440" tIns="45721" rIns="45721" bIns="45721" rtlCol="0" anchor="ctr"/>
          <a:lstStyle>
            <a:defPPr>
              <a:defRPr lang="en-US"/>
            </a:defPPr>
            <a:lvl1pPr marL="0" algn="r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D22F896-40B5-4ADD-8801-0D06FADFA095}" type="slidenum">
              <a:rPr lang="en-US" sz="1001" smtClean="0">
                <a:solidFill>
                  <a:srgbClr val="00B0F0"/>
                </a:solidFill>
                <a:latin typeface="Arial" panose="020B0604020202020204"/>
              </a:rPr>
              <a:pPr/>
              <a:t>‹#›</a:t>
            </a:fld>
            <a:endParaRPr lang="en-US" sz="1001">
              <a:solidFill>
                <a:srgbClr val="00B0F0"/>
              </a:solidFill>
              <a:latin typeface="Arial" panose="020B0604020202020204"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3B719C1-FA8F-8C93-7706-9058B42B7871}"/>
              </a:ext>
            </a:extLst>
          </p:cNvPr>
          <p:cNvSpPr txBox="1">
            <a:spLocks/>
          </p:cNvSpPr>
          <p:nvPr userDrawn="1"/>
        </p:nvSpPr>
        <p:spPr>
          <a:xfrm>
            <a:off x="661744" y="6380072"/>
            <a:ext cx="1305077" cy="226468"/>
          </a:xfrm>
          <a:prstGeom prst="rect">
            <a:avLst/>
          </a:prstGeom>
        </p:spPr>
        <p:txBody>
          <a:bodyPr vert="horz" lIns="91440" tIns="18288" rIns="91440" bIns="45721" rtlCol="0" anchor="t"/>
          <a:lstStyle>
            <a:defPPr>
              <a:defRPr lang="en-US"/>
            </a:defPPr>
            <a:lvl1pPr marL="0" algn="l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CA" sz="1000" dirty="0">
                <a:solidFill>
                  <a:srgbClr val="00B0F0"/>
                </a:solidFill>
                <a:latin typeface="Arial" panose="020B0604020202020204"/>
              </a:rPr>
              <a:t>2024-05-24</a:t>
            </a:r>
            <a:endParaRPr lang="en-US" sz="1000" dirty="0">
              <a:solidFill>
                <a:srgbClr val="00B0F0"/>
              </a:solidFill>
              <a:latin typeface="Arial" panose="020B0604020202020204"/>
            </a:endParaRPr>
          </a:p>
        </p:txBody>
      </p:sp>
      <p:sp>
        <p:nvSpPr>
          <p:cNvPr id="8" name="Date Placeholder 3">
            <a:extLst>
              <a:ext uri="{FF2B5EF4-FFF2-40B4-BE49-F238E27FC236}">
                <a16:creationId xmlns:a16="http://schemas.microsoft.com/office/drawing/2014/main" id="{6F5A994E-8033-1E84-A823-1E6439840B97}"/>
              </a:ext>
            </a:extLst>
          </p:cNvPr>
          <p:cNvSpPr txBox="1">
            <a:spLocks/>
          </p:cNvSpPr>
          <p:nvPr userDrawn="1"/>
        </p:nvSpPr>
        <p:spPr>
          <a:xfrm>
            <a:off x="661744" y="6380072"/>
            <a:ext cx="11010206" cy="226468"/>
          </a:xfrm>
          <a:prstGeom prst="rect">
            <a:avLst/>
          </a:prstGeom>
        </p:spPr>
        <p:txBody>
          <a:bodyPr vert="horz" lIns="91440" tIns="18288" rIns="91440" bIns="45721" rtlCol="0" anchor="t"/>
          <a:lstStyle>
            <a:defPPr>
              <a:defRPr lang="en-US"/>
            </a:defPPr>
            <a:lvl1pPr marL="0" algn="l" defTabSz="457200" rtl="0" eaLnBrk="1" latinLnBrk="0" hangingPunct="1">
              <a:defRPr sz="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CA" sz="1000" dirty="0">
                <a:solidFill>
                  <a:srgbClr val="00B0F0"/>
                </a:solidFill>
                <a:latin typeface="+mn-lt"/>
              </a:rPr>
              <a:t>PSD BAE Retreat</a:t>
            </a:r>
          </a:p>
        </p:txBody>
      </p:sp>
    </p:spTree>
    <p:extLst>
      <p:ext uri="{BB962C8B-B14F-4D97-AF65-F5344CB8AC3E}">
        <p14:creationId xmlns:p14="http://schemas.microsoft.com/office/powerpoint/2010/main" val="284930580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0ADBC6C5-DD9A-D979-5FC6-9FA29D8AA723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5680" y="204095"/>
            <a:ext cx="1947186" cy="350306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5961F398-F480-8480-5599-06CF41776B27}"/>
              </a:ext>
            </a:extLst>
          </p:cNvPr>
          <p:cNvSpPr txBox="1"/>
          <p:nvPr userDrawn="1"/>
        </p:nvSpPr>
        <p:spPr>
          <a:xfrm rot="16200000">
            <a:off x="10098876" y="4772151"/>
            <a:ext cx="3514724" cy="50270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561"/>
              </a:lnSpc>
            </a:pPr>
            <a:r>
              <a:rPr lang="en-US" sz="1801" b="1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Discovery,</a:t>
            </a:r>
          </a:p>
          <a:p>
            <a:pPr>
              <a:lnSpc>
                <a:spcPts val="1561"/>
              </a:lnSpc>
            </a:pPr>
            <a:r>
              <a:rPr lang="en-US" sz="1801" b="1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accelerated</a:t>
            </a:r>
          </a:p>
        </p:txBody>
      </p:sp>
    </p:spTree>
    <p:extLst>
      <p:ext uri="{BB962C8B-B14F-4D97-AF65-F5344CB8AC3E}">
        <p14:creationId xmlns:p14="http://schemas.microsoft.com/office/powerpoint/2010/main" val="144801540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7" r:id="rId5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53.jpeg"/><Relationship Id="rId13" Type="http://schemas.openxmlformats.org/officeDocument/2006/relationships/image" Target="../media/image58.jpeg"/><Relationship Id="rId3" Type="http://schemas.openxmlformats.org/officeDocument/2006/relationships/image" Target="../media/image48.jpeg"/><Relationship Id="rId7" Type="http://schemas.openxmlformats.org/officeDocument/2006/relationships/image" Target="../media/image52.jpeg"/><Relationship Id="rId12" Type="http://schemas.openxmlformats.org/officeDocument/2006/relationships/image" Target="../media/image57.jpeg"/><Relationship Id="rId17" Type="http://schemas.openxmlformats.org/officeDocument/2006/relationships/image" Target="../media/image62.jpeg"/><Relationship Id="rId2" Type="http://schemas.openxmlformats.org/officeDocument/2006/relationships/notesSlide" Target="../notesSlides/notesSlide9.xml"/><Relationship Id="rId16" Type="http://schemas.openxmlformats.org/officeDocument/2006/relationships/image" Target="../media/image61.jpe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51.jpeg"/><Relationship Id="rId11" Type="http://schemas.openxmlformats.org/officeDocument/2006/relationships/image" Target="../media/image56.jpeg"/><Relationship Id="rId5" Type="http://schemas.openxmlformats.org/officeDocument/2006/relationships/image" Target="../media/image50.jpeg"/><Relationship Id="rId15" Type="http://schemas.openxmlformats.org/officeDocument/2006/relationships/image" Target="../media/image60.jpeg"/><Relationship Id="rId10" Type="http://schemas.openxmlformats.org/officeDocument/2006/relationships/image" Target="../media/image55.emf"/><Relationship Id="rId4" Type="http://schemas.openxmlformats.org/officeDocument/2006/relationships/image" Target="../media/image49.jpeg"/><Relationship Id="rId9" Type="http://schemas.openxmlformats.org/officeDocument/2006/relationships/image" Target="../media/image54.jpeg"/><Relationship Id="rId14" Type="http://schemas.openxmlformats.org/officeDocument/2006/relationships/image" Target="../media/image59.jpe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3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4.emf"/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tif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4.emf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4.xml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4.emf"/><Relationship Id="rId4" Type="http://schemas.openxmlformats.org/officeDocument/2006/relationships/chart" Target="../charts/chart5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5.pn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7.png"/><Relationship Id="rId2" Type="http://schemas.openxmlformats.org/officeDocument/2006/relationships/image" Target="../media/image66.jpeg"/><Relationship Id="rId1" Type="http://schemas.openxmlformats.org/officeDocument/2006/relationships/slideLayout" Target="../slideLayouts/slideLayout3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7.png"/><Relationship Id="rId2" Type="http://schemas.openxmlformats.org/officeDocument/2006/relationships/image" Target="../media/image66.jpeg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68.jpe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0.jpeg"/><Relationship Id="rId2" Type="http://schemas.openxmlformats.org/officeDocument/2006/relationships/image" Target="../media/image69.jpeg"/><Relationship Id="rId1" Type="http://schemas.openxmlformats.org/officeDocument/2006/relationships/slideLayout" Target="../slideLayouts/slideLayout3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jpeg"/><Relationship Id="rId7" Type="http://schemas.openxmlformats.org/officeDocument/2006/relationships/image" Target="../media/image75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74.png"/><Relationship Id="rId5" Type="http://schemas.openxmlformats.org/officeDocument/2006/relationships/image" Target="../media/image73.png"/><Relationship Id="rId4" Type="http://schemas.openxmlformats.org/officeDocument/2006/relationships/image" Target="../media/image72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6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9.jpeg"/><Relationship Id="rId5" Type="http://schemas.openxmlformats.org/officeDocument/2006/relationships/image" Target="../media/image78.jpeg"/><Relationship Id="rId4" Type="http://schemas.openxmlformats.org/officeDocument/2006/relationships/image" Target="../media/image77.jpeg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0.gif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tiff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1.gif"/><Relationship Id="rId2" Type="http://schemas.openxmlformats.org/officeDocument/2006/relationships/image" Target="../media/image69.jpeg"/><Relationship Id="rId1" Type="http://schemas.openxmlformats.org/officeDocument/2006/relationships/slideLayout" Target="../slideLayouts/slideLayout3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2.jpeg"/><Relationship Id="rId2" Type="http://schemas.openxmlformats.org/officeDocument/2006/relationships/image" Target="../media/image67.png"/><Relationship Id="rId1" Type="http://schemas.openxmlformats.org/officeDocument/2006/relationships/slideLayout" Target="../slideLayouts/slideLayout3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2.jpeg"/><Relationship Id="rId2" Type="http://schemas.openxmlformats.org/officeDocument/2006/relationships/image" Target="../media/image67.png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83.jpeg"/></Relationships>
</file>

<file path=ppt/slides/_rels/slide33.xml.rels><?xml version="1.0" encoding="UTF-8" standalone="yes"?>
<Relationships xmlns="http://schemas.openxmlformats.org/package/2006/relationships"><Relationship Id="rId8" Type="http://schemas.openxmlformats.org/officeDocument/2006/relationships/image" Target="../media/image89.emf"/><Relationship Id="rId3" Type="http://schemas.openxmlformats.org/officeDocument/2006/relationships/image" Target="../media/image84.png"/><Relationship Id="rId7" Type="http://schemas.openxmlformats.org/officeDocument/2006/relationships/image" Target="../media/image88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87.png"/><Relationship Id="rId11" Type="http://schemas.openxmlformats.org/officeDocument/2006/relationships/image" Target="../media/image92.emf"/><Relationship Id="rId5" Type="http://schemas.openxmlformats.org/officeDocument/2006/relationships/image" Target="../media/image86.png"/><Relationship Id="rId10" Type="http://schemas.openxmlformats.org/officeDocument/2006/relationships/image" Target="../media/image91.emf"/><Relationship Id="rId4" Type="http://schemas.openxmlformats.org/officeDocument/2006/relationships/image" Target="../media/image85.png"/><Relationship Id="rId9" Type="http://schemas.openxmlformats.org/officeDocument/2006/relationships/image" Target="../media/image90.emf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3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3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94.jpeg"/><Relationship Id="rId1" Type="http://schemas.openxmlformats.org/officeDocument/2006/relationships/slideLayout" Target="../slideLayouts/slideLayout5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0.jpeg"/><Relationship Id="rId13" Type="http://schemas.openxmlformats.org/officeDocument/2006/relationships/image" Target="../media/image105.png"/><Relationship Id="rId3" Type="http://schemas.openxmlformats.org/officeDocument/2006/relationships/image" Target="../media/image95.jpeg"/><Relationship Id="rId7" Type="http://schemas.openxmlformats.org/officeDocument/2006/relationships/image" Target="../media/image99.jpeg"/><Relationship Id="rId12" Type="http://schemas.openxmlformats.org/officeDocument/2006/relationships/image" Target="../media/image104.png"/><Relationship Id="rId2" Type="http://schemas.openxmlformats.org/officeDocument/2006/relationships/notesSlide" Target="../notesSlides/notesSlide15.xml"/><Relationship Id="rId16" Type="http://schemas.openxmlformats.org/officeDocument/2006/relationships/image" Target="../media/image108.emf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98.jpeg"/><Relationship Id="rId11" Type="http://schemas.openxmlformats.org/officeDocument/2006/relationships/image" Target="../media/image103.tiff"/><Relationship Id="rId5" Type="http://schemas.openxmlformats.org/officeDocument/2006/relationships/image" Target="../media/image97.jpeg"/><Relationship Id="rId15" Type="http://schemas.openxmlformats.org/officeDocument/2006/relationships/image" Target="../media/image107.jpeg"/><Relationship Id="rId10" Type="http://schemas.openxmlformats.org/officeDocument/2006/relationships/image" Target="../media/image102.jpeg"/><Relationship Id="rId4" Type="http://schemas.openxmlformats.org/officeDocument/2006/relationships/image" Target="../media/image96.png"/><Relationship Id="rId9" Type="http://schemas.openxmlformats.org/officeDocument/2006/relationships/image" Target="../media/image101.jpeg"/><Relationship Id="rId14" Type="http://schemas.openxmlformats.org/officeDocument/2006/relationships/image" Target="../media/image106.emf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jpeg"/><Relationship Id="rId13" Type="http://schemas.openxmlformats.org/officeDocument/2006/relationships/image" Target="../media/image16.jpeg"/><Relationship Id="rId3" Type="http://schemas.openxmlformats.org/officeDocument/2006/relationships/image" Target="../media/image6.jpeg"/><Relationship Id="rId7" Type="http://schemas.openxmlformats.org/officeDocument/2006/relationships/image" Target="../media/image10.jpeg"/><Relationship Id="rId12" Type="http://schemas.openxmlformats.org/officeDocument/2006/relationships/image" Target="../media/image15.jpeg"/><Relationship Id="rId17" Type="http://schemas.openxmlformats.org/officeDocument/2006/relationships/image" Target="../media/image20.png"/><Relationship Id="rId2" Type="http://schemas.openxmlformats.org/officeDocument/2006/relationships/notesSlide" Target="../notesSlides/notesSlide4.xml"/><Relationship Id="rId16" Type="http://schemas.openxmlformats.org/officeDocument/2006/relationships/image" Target="../media/image19.jpe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9.jpeg"/><Relationship Id="rId11" Type="http://schemas.openxmlformats.org/officeDocument/2006/relationships/image" Target="../media/image14.jpeg"/><Relationship Id="rId5" Type="http://schemas.openxmlformats.org/officeDocument/2006/relationships/image" Target="../media/image8.jpeg"/><Relationship Id="rId15" Type="http://schemas.openxmlformats.org/officeDocument/2006/relationships/image" Target="../media/image18.jpeg"/><Relationship Id="rId10" Type="http://schemas.openxmlformats.org/officeDocument/2006/relationships/image" Target="../media/image13.jpeg"/><Relationship Id="rId4" Type="http://schemas.openxmlformats.org/officeDocument/2006/relationships/image" Target="../media/image7.jpeg"/><Relationship Id="rId9" Type="http://schemas.openxmlformats.org/officeDocument/2006/relationships/image" Target="../media/image12.jpeg"/><Relationship Id="rId14" Type="http://schemas.openxmlformats.org/officeDocument/2006/relationships/image" Target="../media/image17.jpe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3.jpeg"/><Relationship Id="rId4" Type="http://schemas.openxmlformats.org/officeDocument/2006/relationships/image" Target="../media/image22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slideLayout" Target="../slideLayouts/slideLayout2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notesSlide" Target="../notesSlides/notesSlide7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jpeg"/><Relationship Id="rId13" Type="http://schemas.openxmlformats.org/officeDocument/2006/relationships/image" Target="../media/image35.jpeg"/><Relationship Id="rId3" Type="http://schemas.openxmlformats.org/officeDocument/2006/relationships/image" Target="../media/image25.jpeg"/><Relationship Id="rId7" Type="http://schemas.openxmlformats.org/officeDocument/2006/relationships/image" Target="../media/image29.jpeg"/><Relationship Id="rId12" Type="http://schemas.openxmlformats.org/officeDocument/2006/relationships/image" Target="../media/image34.jpeg"/><Relationship Id="rId17" Type="http://schemas.openxmlformats.org/officeDocument/2006/relationships/image" Target="../media/image39.jpeg"/><Relationship Id="rId2" Type="http://schemas.openxmlformats.org/officeDocument/2006/relationships/notesSlide" Target="../notesSlides/notesSlide8.xml"/><Relationship Id="rId16" Type="http://schemas.openxmlformats.org/officeDocument/2006/relationships/image" Target="../media/image38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28.jpeg"/><Relationship Id="rId11" Type="http://schemas.openxmlformats.org/officeDocument/2006/relationships/image" Target="../media/image33.jpeg"/><Relationship Id="rId5" Type="http://schemas.openxmlformats.org/officeDocument/2006/relationships/image" Target="../media/image27.jpeg"/><Relationship Id="rId15" Type="http://schemas.openxmlformats.org/officeDocument/2006/relationships/image" Target="../media/image37.jpeg"/><Relationship Id="rId10" Type="http://schemas.openxmlformats.org/officeDocument/2006/relationships/image" Target="../media/image32.jpeg"/><Relationship Id="rId4" Type="http://schemas.openxmlformats.org/officeDocument/2006/relationships/image" Target="../media/image26.jpeg"/><Relationship Id="rId9" Type="http://schemas.openxmlformats.org/officeDocument/2006/relationships/image" Target="../media/image31.jpeg"/><Relationship Id="rId14" Type="http://schemas.openxmlformats.org/officeDocument/2006/relationships/image" Target="../media/image36.jpe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.jpeg"/><Relationship Id="rId3" Type="http://schemas.openxmlformats.org/officeDocument/2006/relationships/image" Target="../media/image41.png"/><Relationship Id="rId7" Type="http://schemas.openxmlformats.org/officeDocument/2006/relationships/image" Target="../media/image45.jpe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44.jpeg"/><Relationship Id="rId5" Type="http://schemas.openxmlformats.org/officeDocument/2006/relationships/image" Target="../media/image43.jpeg"/><Relationship Id="rId4" Type="http://schemas.openxmlformats.org/officeDocument/2006/relationships/image" Target="../media/image42.jpeg"/><Relationship Id="rId9" Type="http://schemas.openxmlformats.org/officeDocument/2006/relationships/image" Target="../media/image4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21522" y="1470454"/>
            <a:ext cx="5309863" cy="1773880"/>
          </a:xfrm>
        </p:spPr>
        <p:txBody>
          <a:bodyPr lIns="91440" tIns="45720" rIns="91440" bIns="45720" anchor="t">
            <a:noAutofit/>
          </a:bodyPr>
          <a:lstStyle/>
          <a:p>
            <a:r>
              <a:rPr lang="en-US" sz="2800" dirty="0">
                <a:latin typeface="Arial"/>
                <a:cs typeface="Arial"/>
              </a:rPr>
              <a:t>ARIEL Completion Timeline, Sequencing, 5Y Scenarios</a:t>
            </a:r>
            <a:br>
              <a:rPr lang="en-US" sz="2800" dirty="0">
                <a:latin typeface="Arial"/>
                <a:cs typeface="Arial"/>
              </a:rPr>
            </a:br>
            <a:br>
              <a:rPr lang="en-US" sz="2800" dirty="0">
                <a:latin typeface="Arial"/>
                <a:cs typeface="Arial"/>
              </a:rPr>
            </a:br>
            <a:br>
              <a:rPr lang="en-US" sz="2800" dirty="0"/>
            </a:br>
            <a:r>
              <a:rPr lang="en-US" sz="2800" dirty="0"/>
              <a:t>PSD BAE Retreat</a:t>
            </a:r>
          </a:p>
        </p:txBody>
      </p:sp>
      <p:sp>
        <p:nvSpPr>
          <p:cNvPr id="6" name="Subtitle 5">
            <a:extLst>
              <a:ext uri="{FF2B5EF4-FFF2-40B4-BE49-F238E27FC236}">
                <a16:creationId xmlns:a16="http://schemas.microsoft.com/office/drawing/2014/main" id="{40AA4ACF-EBF7-443D-9629-9044A0B8D2B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21522" y="3876448"/>
            <a:ext cx="3938834" cy="432254"/>
          </a:xfrm>
        </p:spPr>
        <p:txBody>
          <a:bodyPr lIns="91440" tIns="0" rIns="91440" bIns="45720" anchor="b">
            <a:normAutofit/>
          </a:bodyPr>
          <a:lstStyle/>
          <a:p>
            <a:r>
              <a:rPr lang="en-CA" sz="2000" dirty="0"/>
              <a:t>May 23, 2024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22CA0579-4C2B-4E70-8473-A7B5961011BA}"/>
              </a:ext>
            </a:extLst>
          </p:cNvPr>
          <p:cNvSpPr/>
          <p:nvPr/>
        </p:nvSpPr>
        <p:spPr>
          <a:xfrm>
            <a:off x="5971607" y="3244334"/>
            <a:ext cx="248786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/>
              <a:t> 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161574F2-FF7C-F4B8-A5EB-56F7CF9CFEE8}"/>
              </a:ext>
            </a:extLst>
          </p:cNvPr>
          <p:cNvSpPr txBox="1"/>
          <p:nvPr/>
        </p:nvSpPr>
        <p:spPr>
          <a:xfrm>
            <a:off x="421523" y="4940816"/>
            <a:ext cx="4596056" cy="104644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/>
              <a:t>Alexander Gottberg</a:t>
            </a:r>
          </a:p>
          <a:p>
            <a:r>
              <a:rPr lang="en-US" sz="1400" dirty="0"/>
              <a:t>ARIEL Program Leader</a:t>
            </a:r>
          </a:p>
          <a:p>
            <a:r>
              <a:rPr lang="en-US" sz="1400" dirty="0"/>
              <a:t>Targets and Ion Sources Department Head</a:t>
            </a:r>
            <a:br>
              <a:rPr lang="en-US" sz="1400" dirty="0"/>
            </a:br>
            <a:r>
              <a:rPr lang="en-US" sz="1400" dirty="0"/>
              <a:t>Research Scientist</a:t>
            </a:r>
          </a:p>
        </p:txBody>
      </p:sp>
    </p:spTree>
    <p:extLst>
      <p:ext uri="{BB962C8B-B14F-4D97-AF65-F5344CB8AC3E}">
        <p14:creationId xmlns:p14="http://schemas.microsoft.com/office/powerpoint/2010/main" val="24270835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Rectangle 45">
            <a:extLst>
              <a:ext uri="{FF2B5EF4-FFF2-40B4-BE49-F238E27FC236}">
                <a16:creationId xmlns:a16="http://schemas.microsoft.com/office/drawing/2014/main" id="{ACE091E8-DA90-FBDD-7A6D-7A6C00A6CC6B}"/>
              </a:ext>
            </a:extLst>
          </p:cNvPr>
          <p:cNvSpPr/>
          <p:nvPr/>
        </p:nvSpPr>
        <p:spPr>
          <a:xfrm>
            <a:off x="14893" y="0"/>
            <a:ext cx="12192000" cy="6858000"/>
          </a:xfrm>
          <a:prstGeom prst="rect">
            <a:avLst/>
          </a:prstGeom>
          <a:solidFill>
            <a:srgbClr val="00B0F0"/>
          </a:solidFill>
          <a:ln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" name="Picture 1" descr="A picture containing indoor, wall&#10;&#10;Description automatically generated">
            <a:extLst>
              <a:ext uri="{FF2B5EF4-FFF2-40B4-BE49-F238E27FC236}">
                <a16:creationId xmlns:a16="http://schemas.microsoft.com/office/drawing/2014/main" id="{12E90F87-E44D-DBF0-B0E3-392830CA0C99}"/>
              </a:ext>
            </a:extLst>
          </p:cNvPr>
          <p:cNvPicPr>
            <a:picLocks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930806" y="4594202"/>
            <a:ext cx="2340000" cy="2177562"/>
          </a:xfrm>
          <a:prstGeom prst="rect">
            <a:avLst/>
          </a:prstGeom>
          <a:ln w="28575">
            <a:noFill/>
          </a:ln>
        </p:spPr>
      </p:pic>
      <p:pic>
        <p:nvPicPr>
          <p:cNvPr id="3" name="Picture 2" descr="A group of people posing for a photo&#10;&#10;Description automatically generated">
            <a:extLst>
              <a:ext uri="{FF2B5EF4-FFF2-40B4-BE49-F238E27FC236}">
                <a16:creationId xmlns:a16="http://schemas.microsoft.com/office/drawing/2014/main" id="{B67A75D5-9B6F-1D47-018D-5FE0CD189DA1}"/>
              </a:ext>
            </a:extLst>
          </p:cNvPr>
          <p:cNvPicPr>
            <a:picLocks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17868" y="4594435"/>
            <a:ext cx="2340000" cy="2177329"/>
          </a:xfrm>
          <a:prstGeom prst="rect">
            <a:avLst/>
          </a:prstGeom>
          <a:ln w="28575">
            <a:noFill/>
          </a:ln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D6ECFB24-FF58-D35E-465B-2DFB8CFB841A}"/>
              </a:ext>
            </a:extLst>
          </p:cNvPr>
          <p:cNvPicPr>
            <a:picLocks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1"/>
          <a:stretch/>
        </p:blipFill>
        <p:spPr>
          <a:xfrm>
            <a:off x="104930" y="4594202"/>
            <a:ext cx="2340000" cy="2177562"/>
          </a:xfrm>
          <a:prstGeom prst="rect">
            <a:avLst/>
          </a:prstGeom>
          <a:ln w="28575">
            <a:noFill/>
          </a:ln>
        </p:spPr>
      </p:pic>
      <p:pic>
        <p:nvPicPr>
          <p:cNvPr id="6" name="Picture 5" descr="A group of people climbing a mountain&#10;&#10;Description automatically generated with low confidence">
            <a:extLst>
              <a:ext uri="{FF2B5EF4-FFF2-40B4-BE49-F238E27FC236}">
                <a16:creationId xmlns:a16="http://schemas.microsoft.com/office/drawing/2014/main" id="{7CAB662F-633A-EBCA-1E5F-B53F7C7BC848}"/>
              </a:ext>
            </a:extLst>
          </p:cNvPr>
          <p:cNvPicPr>
            <a:picLocks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756683" y="4594203"/>
            <a:ext cx="2340000" cy="2177561"/>
          </a:xfrm>
          <a:prstGeom prst="rect">
            <a:avLst/>
          </a:prstGeom>
          <a:ln w="28575">
            <a:noFill/>
          </a:ln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57E14374-4F2A-0536-39AF-2E0958D28B26}"/>
              </a:ext>
            </a:extLst>
          </p:cNvPr>
          <p:cNvPicPr>
            <a:picLocks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775318" y="2338537"/>
            <a:ext cx="2340000" cy="2177562"/>
          </a:xfrm>
          <a:prstGeom prst="rect">
            <a:avLst/>
          </a:prstGeom>
          <a:ln w="28575">
            <a:noFill/>
          </a:ln>
        </p:spPr>
      </p:pic>
      <p:pic>
        <p:nvPicPr>
          <p:cNvPr id="9" name="Picture 8" descr="A picture containing person, standing, group&#10;&#10;Description automatically generated">
            <a:extLst>
              <a:ext uri="{FF2B5EF4-FFF2-40B4-BE49-F238E27FC236}">
                <a16:creationId xmlns:a16="http://schemas.microsoft.com/office/drawing/2014/main" id="{64357C8E-C11D-48FB-CC66-7D581C42172C}"/>
              </a:ext>
            </a:extLst>
          </p:cNvPr>
          <p:cNvPicPr>
            <a:picLocks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17868" y="81996"/>
            <a:ext cx="2340000" cy="2177562"/>
          </a:xfrm>
          <a:prstGeom prst="rect">
            <a:avLst/>
          </a:prstGeom>
          <a:ln>
            <a:noFill/>
          </a:ln>
        </p:spPr>
      </p:pic>
      <p:pic>
        <p:nvPicPr>
          <p:cNvPr id="10" name="Picture 9" descr="A group of people posing for a photo in front of a blue and white object&#10;&#10;Description automatically generated with medium confidence">
            <a:extLst>
              <a:ext uri="{FF2B5EF4-FFF2-40B4-BE49-F238E27FC236}">
                <a16:creationId xmlns:a16="http://schemas.microsoft.com/office/drawing/2014/main" id="{3C7D3E12-5999-1726-A230-309A5E18FB3A}"/>
              </a:ext>
            </a:extLst>
          </p:cNvPr>
          <p:cNvPicPr>
            <a:picLocks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343744" y="81996"/>
            <a:ext cx="2340000" cy="2178000"/>
          </a:xfrm>
          <a:prstGeom prst="rect">
            <a:avLst/>
          </a:prstGeom>
          <a:ln>
            <a:noFill/>
          </a:ln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1F821CF2-6B87-074A-9B6E-CD599B118433}"/>
              </a:ext>
            </a:extLst>
          </p:cNvPr>
          <p:cNvPicPr>
            <a:picLocks/>
          </p:cNvPicPr>
          <p:nvPr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55138" t="51372" r="4230" b="1129"/>
          <a:stretch/>
        </p:blipFill>
        <p:spPr>
          <a:xfrm>
            <a:off x="7343744" y="4594201"/>
            <a:ext cx="2340000" cy="2177681"/>
          </a:xfrm>
          <a:prstGeom prst="rect">
            <a:avLst/>
          </a:prstGeom>
          <a:solidFill>
            <a:schemeClr val="bg1"/>
          </a:solidFill>
          <a:ln>
            <a:noFill/>
          </a:ln>
        </p:spPr>
      </p:pic>
      <p:pic>
        <p:nvPicPr>
          <p:cNvPr id="12" name="Picture 11" descr="A group of people standing in a factory&#10;&#10;Description automatically generated with low confidence">
            <a:extLst>
              <a:ext uri="{FF2B5EF4-FFF2-40B4-BE49-F238E27FC236}">
                <a16:creationId xmlns:a16="http://schemas.microsoft.com/office/drawing/2014/main" id="{452D285E-1CC1-0816-01F0-5E309EEEEF9B}"/>
              </a:ext>
            </a:extLst>
          </p:cNvPr>
          <p:cNvPicPr>
            <a:picLocks/>
          </p:cNvPicPr>
          <p:nvPr/>
        </p:nvPicPr>
        <p:blipFill rotWithShape="1">
          <a:blip r:embed="rId11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4930" y="2338099"/>
            <a:ext cx="2338962" cy="2178000"/>
          </a:xfrm>
          <a:prstGeom prst="rect">
            <a:avLst/>
          </a:prstGeom>
          <a:ln>
            <a:noFill/>
          </a:ln>
        </p:spPr>
      </p:pic>
      <p:pic>
        <p:nvPicPr>
          <p:cNvPr id="13" name="Picture 12" descr="A large group of people posing for a photo&#10;&#10;Description automatically generated with medium confidence">
            <a:extLst>
              <a:ext uri="{FF2B5EF4-FFF2-40B4-BE49-F238E27FC236}">
                <a16:creationId xmlns:a16="http://schemas.microsoft.com/office/drawing/2014/main" id="{82F92861-B56A-D077-0250-CE091A08E3C9}"/>
              </a:ext>
            </a:extLst>
          </p:cNvPr>
          <p:cNvPicPr>
            <a:picLocks/>
          </p:cNvPicPr>
          <p:nvPr/>
        </p:nvPicPr>
        <p:blipFill rotWithShape="1">
          <a:blip r:embed="rId1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4930" y="81996"/>
            <a:ext cx="2340000" cy="2178000"/>
          </a:xfrm>
          <a:prstGeom prst="rect">
            <a:avLst/>
          </a:prstGeom>
          <a:ln>
            <a:noFill/>
          </a:ln>
        </p:spPr>
      </p:pic>
      <p:pic>
        <p:nvPicPr>
          <p:cNvPr id="14" name="Picture 13" descr="A group of people sitting at tables&#10;&#10;Description automatically generated with medium confidence">
            <a:extLst>
              <a:ext uri="{FF2B5EF4-FFF2-40B4-BE49-F238E27FC236}">
                <a16:creationId xmlns:a16="http://schemas.microsoft.com/office/drawing/2014/main" id="{F1329A8D-C891-A61C-52BB-AB50E0B5CD8A}"/>
              </a:ext>
            </a:extLst>
          </p:cNvPr>
          <p:cNvPicPr>
            <a:picLocks/>
          </p:cNvPicPr>
          <p:nvPr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297"/>
          <a:stretch/>
        </p:blipFill>
        <p:spPr>
          <a:xfrm>
            <a:off x="4930806" y="2338099"/>
            <a:ext cx="2340000" cy="2178000"/>
          </a:xfrm>
          <a:prstGeom prst="rect">
            <a:avLst/>
          </a:prstGeom>
          <a:ln>
            <a:noFill/>
          </a:ln>
        </p:spPr>
      </p:pic>
      <p:pic>
        <p:nvPicPr>
          <p:cNvPr id="16" name="Picture 15" descr="A group of people posing for a photo&#10;&#10;Description automatically generated">
            <a:extLst>
              <a:ext uri="{FF2B5EF4-FFF2-40B4-BE49-F238E27FC236}">
                <a16:creationId xmlns:a16="http://schemas.microsoft.com/office/drawing/2014/main" id="{24DAC2F5-13FF-045B-1C0E-2CB64D0F52E0}"/>
              </a:ext>
            </a:extLst>
          </p:cNvPr>
          <p:cNvPicPr>
            <a:picLocks/>
          </p:cNvPicPr>
          <p:nvPr/>
        </p:nvPicPr>
        <p:blipFill rotWithShape="1">
          <a:blip r:embed="rId1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334132" y="2330521"/>
            <a:ext cx="2340000" cy="2177562"/>
          </a:xfrm>
          <a:prstGeom prst="rect">
            <a:avLst/>
          </a:prstGeom>
          <a:ln>
            <a:noFill/>
          </a:ln>
        </p:spPr>
      </p:pic>
      <p:pic>
        <p:nvPicPr>
          <p:cNvPr id="20" name="Picture 19" descr="A group of people posing for a photo&#10;&#10;Description automatically generated">
            <a:extLst>
              <a:ext uri="{FF2B5EF4-FFF2-40B4-BE49-F238E27FC236}">
                <a16:creationId xmlns:a16="http://schemas.microsoft.com/office/drawing/2014/main" id="{A2488428-3387-5539-BEE2-C54D5CF86B0C}"/>
              </a:ext>
            </a:extLst>
          </p:cNvPr>
          <p:cNvPicPr>
            <a:picLocks noChangeAspect="1"/>
          </p:cNvPicPr>
          <p:nvPr/>
        </p:nvPicPr>
        <p:blipFill rotWithShape="1">
          <a:blip r:embed="rId1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931844" y="81996"/>
            <a:ext cx="2338962" cy="2177562"/>
          </a:xfrm>
          <a:prstGeom prst="rect">
            <a:avLst/>
          </a:prstGeom>
        </p:spPr>
      </p:pic>
      <p:pic>
        <p:nvPicPr>
          <p:cNvPr id="22" name="Picture 21" descr="A group of people posing for a photo&#10;&#10;Description automatically generated with medium confidence">
            <a:extLst>
              <a:ext uri="{FF2B5EF4-FFF2-40B4-BE49-F238E27FC236}">
                <a16:creationId xmlns:a16="http://schemas.microsoft.com/office/drawing/2014/main" id="{9E505144-0104-1502-9C13-11F6EFCE9959}"/>
              </a:ext>
            </a:extLst>
          </p:cNvPr>
          <p:cNvPicPr>
            <a:picLocks/>
          </p:cNvPicPr>
          <p:nvPr/>
        </p:nvPicPr>
        <p:blipFill rotWithShape="1">
          <a:blip r:embed="rId1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17868" y="2338099"/>
            <a:ext cx="2340000" cy="2178000"/>
          </a:xfrm>
          <a:prstGeom prst="rect">
            <a:avLst/>
          </a:prstGeom>
        </p:spPr>
      </p:pic>
      <p:pic>
        <p:nvPicPr>
          <p:cNvPr id="24" name="Picture 23" descr="A group of people posing for a photo&#10;&#10;Description automatically generated">
            <a:extLst>
              <a:ext uri="{FF2B5EF4-FFF2-40B4-BE49-F238E27FC236}">
                <a16:creationId xmlns:a16="http://schemas.microsoft.com/office/drawing/2014/main" id="{57A7ABF2-8925-78ED-A976-F1A6060D9B0E}"/>
              </a:ext>
            </a:extLst>
          </p:cNvPr>
          <p:cNvPicPr>
            <a:picLocks/>
          </p:cNvPicPr>
          <p:nvPr/>
        </p:nvPicPr>
        <p:blipFill rotWithShape="1">
          <a:blip r:embed="rId17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333"/>
          <a:stretch/>
        </p:blipFill>
        <p:spPr>
          <a:xfrm>
            <a:off x="9756683" y="81996"/>
            <a:ext cx="2340000" cy="2178001"/>
          </a:xfrm>
          <a:prstGeom prst="rect">
            <a:avLst/>
          </a:prstGeom>
        </p:spPr>
      </p:pic>
      <p:sp>
        <p:nvSpPr>
          <p:cNvPr id="25" name="TextBox 24">
            <a:extLst>
              <a:ext uri="{FF2B5EF4-FFF2-40B4-BE49-F238E27FC236}">
                <a16:creationId xmlns:a16="http://schemas.microsoft.com/office/drawing/2014/main" id="{64268BBC-2D5B-8E91-EC21-367D2B967327}"/>
              </a:ext>
            </a:extLst>
          </p:cNvPr>
          <p:cNvSpPr txBox="1"/>
          <p:nvPr/>
        </p:nvSpPr>
        <p:spPr>
          <a:xfrm>
            <a:off x="1549130" y="2811546"/>
            <a:ext cx="9249456" cy="615553"/>
          </a:xfrm>
          <a:prstGeom prst="rect">
            <a:avLst/>
          </a:prstGeom>
          <a:solidFill>
            <a:schemeClr val="bg1">
              <a:alpha val="58426"/>
            </a:schemeClr>
          </a:solidFill>
        </p:spPr>
        <p:txBody>
          <a:bodyPr wrap="none" lIns="0" tIns="0" rIns="0" bIns="0" rtlCol="0">
            <a:spAutoFit/>
          </a:bodyPr>
          <a:lstStyle/>
          <a:p>
            <a:pPr algn="ctr"/>
            <a:r>
              <a:rPr lang="en-US" sz="4000" b="1" dirty="0">
                <a:ln>
                  <a:solidFill>
                    <a:schemeClr val="tx1"/>
                  </a:solidFill>
                </a:ln>
                <a:solidFill>
                  <a:srgbClr val="00B0F0"/>
                </a:solidFill>
              </a:rPr>
              <a:t>RIB Program Integration into 5YP Scenarios </a:t>
            </a:r>
          </a:p>
        </p:txBody>
      </p:sp>
    </p:spTree>
    <p:extLst>
      <p:ext uri="{BB962C8B-B14F-4D97-AF65-F5344CB8AC3E}">
        <p14:creationId xmlns:p14="http://schemas.microsoft.com/office/powerpoint/2010/main" val="188246026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A96C981-1424-B6A4-EB0D-CB397B0696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CA" dirty="0"/>
              <a:t>Preparation of three 5YP scenario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31D8B891-3D72-EB84-20CC-50024DBF9D34}"/>
              </a:ext>
            </a:extLst>
          </p:cNvPr>
          <p:cNvSpPr txBox="1"/>
          <p:nvPr/>
        </p:nvSpPr>
        <p:spPr>
          <a:xfrm>
            <a:off x="293914" y="744595"/>
            <a:ext cx="11095078" cy="590931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buClr>
                <a:srgbClr val="00B0F0"/>
              </a:buClr>
            </a:pPr>
            <a:r>
              <a:rPr lang="en-CA" dirty="0"/>
              <a:t>The scenarios the TRIUMF Leadership Team identified were (Leadership retreat Monday May 13</a:t>
            </a:r>
            <a:r>
              <a:rPr lang="en-CA" baseline="30000" dirty="0"/>
              <a:t>th</a:t>
            </a:r>
            <a:r>
              <a:rPr lang="en-CA" dirty="0"/>
              <a:t>):</a:t>
            </a:r>
          </a:p>
          <a:p>
            <a:pPr>
              <a:buClr>
                <a:srgbClr val="00B0F0"/>
              </a:buClr>
            </a:pPr>
            <a:endParaRPr lang="en-CA" dirty="0"/>
          </a:p>
          <a:p>
            <a:pPr marL="342900" indent="-342900">
              <a:buClr>
                <a:srgbClr val="00B0F0"/>
              </a:buClr>
              <a:buFont typeface="+mj-lt"/>
              <a:buAutoNum type="arabicPeriod"/>
            </a:pPr>
            <a:r>
              <a:rPr lang="en-CA" b="1" dirty="0"/>
              <a:t>The scenario articulated to the government</a:t>
            </a:r>
          </a:p>
          <a:p>
            <a:pPr marL="720725" lvl="1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US" dirty="0"/>
              <a:t>ARIEL construction is slowed and operations of ARIEL and IAMI are delayed, resulting in the loss of first-mover advantage against international competition from ISOLDE</a:t>
            </a:r>
          </a:p>
          <a:p>
            <a:pPr marL="720725" lvl="1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US" dirty="0"/>
              <a:t>Increased risk of infrastructure failure due to reduced investment in deferred maintenance</a:t>
            </a:r>
          </a:p>
          <a:p>
            <a:pPr marL="720725" lvl="1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US" dirty="0"/>
              <a:t>Decreased science output with internal resources and staff </a:t>
            </a:r>
            <a:r>
              <a:rPr lang="en-US" dirty="0" err="1"/>
              <a:t>reorganised</a:t>
            </a:r>
            <a:r>
              <a:rPr lang="en-US" dirty="0"/>
              <a:t> to fill operational requirements</a:t>
            </a:r>
          </a:p>
          <a:p>
            <a:pPr marL="720725" lvl="1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US" dirty="0"/>
              <a:t>Delayed BL1A refurb except CFI project will be granted</a:t>
            </a:r>
          </a:p>
          <a:p>
            <a:pPr marL="720725" lvl="1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endParaRPr lang="en-CA" dirty="0"/>
          </a:p>
          <a:p>
            <a:pPr marL="342900" indent="-342900">
              <a:buClr>
                <a:srgbClr val="00B0F0"/>
              </a:buClr>
              <a:buFont typeface="+mj-lt"/>
              <a:buAutoNum type="arabicPeriod"/>
            </a:pPr>
            <a:r>
              <a:rPr lang="en-CA" b="1" dirty="0"/>
              <a:t>Line-up for a one year shut down in 2026 </a:t>
            </a:r>
            <a:r>
              <a:rPr lang="en-CA" b="1" dirty="0">
                <a:sym typeface="Wingdings" panose="05000000000000000000" pitchFamily="2" charset="2"/>
              </a:rPr>
              <a:t>(ARIEL, BL1A, site infrastructure, management systems)</a:t>
            </a:r>
          </a:p>
          <a:p>
            <a:pPr marL="720725" lvl="1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 dirty="0">
                <a:sym typeface="Wingdings" panose="05000000000000000000" pitchFamily="2" charset="2"/>
              </a:rPr>
              <a:t>Will require a detailed planning to line-up design and procurement for the 2026 installation phase</a:t>
            </a:r>
          </a:p>
          <a:p>
            <a:pPr marL="720725" lvl="1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 dirty="0">
                <a:sym typeface="Wingdings" panose="05000000000000000000" pitchFamily="2" charset="2"/>
              </a:rPr>
              <a:t>Use the shut down for BL1A triplet replacement</a:t>
            </a:r>
          </a:p>
          <a:p>
            <a:pPr marL="720725" lvl="1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 dirty="0">
                <a:sym typeface="Wingdings" panose="05000000000000000000" pitchFamily="2" charset="2"/>
              </a:rPr>
              <a:t>Completion of ARIEL CFI project in 2027, investments for initial ramp up</a:t>
            </a:r>
          </a:p>
          <a:p>
            <a:pPr marL="720725" lvl="1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 dirty="0">
                <a:sym typeface="Wingdings" panose="05000000000000000000" pitchFamily="2" charset="2"/>
              </a:rPr>
              <a:t>Start TR24 operation already in early 2025 and get financial support from BWXT to run earlier.</a:t>
            </a:r>
          </a:p>
          <a:p>
            <a:pPr marL="720725" lvl="1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endParaRPr lang="en-CA" dirty="0">
              <a:sym typeface="Wingdings" panose="05000000000000000000" pitchFamily="2" charset="2"/>
            </a:endParaRPr>
          </a:p>
          <a:p>
            <a:pPr marL="342900" indent="-342900">
              <a:buClr>
                <a:srgbClr val="00B0F0"/>
              </a:buClr>
              <a:buFont typeface="+mj-lt"/>
              <a:buAutoNum type="arabicPeriod"/>
            </a:pPr>
            <a:r>
              <a:rPr lang="en-CA" b="1" dirty="0"/>
              <a:t>Scenario with 6 months of operation additional projects and project progress only as additional funding allows</a:t>
            </a:r>
          </a:p>
          <a:p>
            <a:pPr marL="720725" lvl="1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 dirty="0"/>
              <a:t>Completion of ARIEL core project in 2028</a:t>
            </a:r>
          </a:p>
          <a:p>
            <a:pPr marL="720725" lvl="1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 dirty="0"/>
              <a:t>Little to no ARIEL operation</a:t>
            </a:r>
          </a:p>
          <a:p>
            <a:pPr marL="720725" lvl="1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 dirty="0"/>
              <a:t>Further deferral of scope items already deferred from CFI ARIEL-II program</a:t>
            </a:r>
          </a:p>
          <a:p>
            <a:pPr marL="720725" lvl="1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 dirty="0"/>
              <a:t>BL1A if CFI project is successful</a:t>
            </a:r>
          </a:p>
          <a:p>
            <a:pPr marL="720725" lvl="1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endParaRPr lang="en-CA" dirty="0"/>
          </a:p>
        </p:txBody>
      </p:sp>
    </p:spTree>
    <p:extLst>
      <p:ext uri="{BB962C8B-B14F-4D97-AF65-F5344CB8AC3E}">
        <p14:creationId xmlns:p14="http://schemas.microsoft.com/office/powerpoint/2010/main" val="57115889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0F28813-885D-85C7-26E9-EE5B9A27A25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A" dirty="0"/>
              <a:t>Shutdown (Scenario 2) and Beam Operation Considerations – Lab Wid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07E2AB3-EECE-878D-0D6A-86950FECEB8C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526473" y="1066800"/>
            <a:ext cx="11145476" cy="5209118"/>
          </a:xfrm>
        </p:spPr>
        <p:txBody>
          <a:bodyPr/>
          <a:lstStyle/>
          <a:p>
            <a:r>
              <a:rPr lang="en-CA" dirty="0"/>
              <a:t>ARIEL is the flagship project and could get a significant boost from a focus period in the lab. However, is is not the only aspect driving the decision. Other projects considered to be moved forward in this time include: </a:t>
            </a:r>
          </a:p>
          <a:p>
            <a:pPr lvl="1"/>
            <a:r>
              <a:rPr lang="en-CA" dirty="0"/>
              <a:t>Weft and Warp, management systems, regulatory compliance</a:t>
            </a:r>
          </a:p>
          <a:p>
            <a:pPr lvl="1"/>
            <a:r>
              <a:rPr lang="en-CA" dirty="0"/>
              <a:t>BL1A</a:t>
            </a:r>
          </a:p>
          <a:p>
            <a:pPr lvl="1"/>
            <a:r>
              <a:rPr lang="en-CA" dirty="0"/>
              <a:t>ISAC refurbishment</a:t>
            </a:r>
          </a:p>
          <a:p>
            <a:pPr lvl="1"/>
            <a:r>
              <a:rPr lang="en-CA" dirty="0"/>
              <a:t>Deferred maintenance</a:t>
            </a:r>
          </a:p>
          <a:p>
            <a:pPr lvl="1"/>
            <a:r>
              <a:rPr lang="en-CA" dirty="0"/>
              <a:t>Substation refurbishment </a:t>
            </a:r>
          </a:p>
          <a:p>
            <a:r>
              <a:rPr lang="en-CA" dirty="0"/>
              <a:t>Impact on non-isotope beam science programs need to be considered </a:t>
            </a:r>
            <a:br>
              <a:rPr lang="en-CA" dirty="0"/>
            </a:br>
            <a:r>
              <a:rPr lang="en-CA" dirty="0"/>
              <a:t>(µSR, </a:t>
            </a:r>
            <a:r>
              <a:rPr lang="en-CA" dirty="0" err="1"/>
              <a:t>DarkLight</a:t>
            </a:r>
            <a:r>
              <a:rPr lang="en-CA" dirty="0"/>
              <a:t>, THz, UCN, radiation therapy research,…)</a:t>
            </a:r>
          </a:p>
          <a:p>
            <a:r>
              <a:rPr lang="en-CA" dirty="0"/>
              <a:t>Financial impact: revenue vs savings, including potential damage in costumer relations</a:t>
            </a:r>
          </a:p>
          <a:p>
            <a:r>
              <a:rPr lang="en-CA" dirty="0"/>
              <a:t>Loss of knowledge critical for operations</a:t>
            </a:r>
          </a:p>
          <a:p>
            <a:r>
              <a:rPr lang="en-CA" dirty="0"/>
              <a:t>HQP engagement, student projects</a:t>
            </a:r>
          </a:p>
          <a:p>
            <a:r>
              <a:rPr lang="en-CA" dirty="0"/>
              <a:t>NSERC project timelines – Nigel mentions that NSERC will be informed and accommodations by NSERC should be expected. </a:t>
            </a:r>
          </a:p>
        </p:txBody>
      </p:sp>
    </p:spTree>
    <p:extLst>
      <p:ext uri="{BB962C8B-B14F-4D97-AF65-F5344CB8AC3E}">
        <p14:creationId xmlns:p14="http://schemas.microsoft.com/office/powerpoint/2010/main" val="77989864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3" name="Group 12">
            <a:extLst>
              <a:ext uri="{FF2B5EF4-FFF2-40B4-BE49-F238E27FC236}">
                <a16:creationId xmlns:a16="http://schemas.microsoft.com/office/drawing/2014/main" id="{FBE0D073-2241-DF66-349B-4F9F78577452}"/>
              </a:ext>
            </a:extLst>
          </p:cNvPr>
          <p:cNvGrpSpPr/>
          <p:nvPr/>
        </p:nvGrpSpPr>
        <p:grpSpPr>
          <a:xfrm>
            <a:off x="11279519" y="813414"/>
            <a:ext cx="569387" cy="4441969"/>
            <a:chOff x="11163405" y="2855562"/>
            <a:chExt cx="569387" cy="5749198"/>
          </a:xfrm>
        </p:grpSpPr>
        <p:cxnSp>
          <p:nvCxnSpPr>
            <p:cNvPr id="14" name="Straight Connector 13">
              <a:extLst>
                <a:ext uri="{FF2B5EF4-FFF2-40B4-BE49-F238E27FC236}">
                  <a16:creationId xmlns:a16="http://schemas.microsoft.com/office/drawing/2014/main" id="{567C9869-5C03-BA15-4B43-98919BF61A1F}"/>
                </a:ext>
              </a:extLst>
            </p:cNvPr>
            <p:cNvCxnSpPr>
              <a:cxnSpLocks/>
            </p:cNvCxnSpPr>
            <p:nvPr/>
          </p:nvCxnSpPr>
          <p:spPr>
            <a:xfrm>
              <a:off x="11448099" y="3429000"/>
              <a:ext cx="0" cy="5175760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solid"/>
              <a:miter lim="800000"/>
            </a:ln>
            <a:effectLst/>
          </p:spPr>
        </p:cxn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0E3A2BAA-477C-FBE6-2821-1EC19F56C857}"/>
                </a:ext>
              </a:extLst>
            </p:cNvPr>
            <p:cNvSpPr txBox="1"/>
            <p:nvPr/>
          </p:nvSpPr>
          <p:spPr>
            <a:xfrm>
              <a:off x="11163405" y="2855562"/>
              <a:ext cx="569387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July </a:t>
              </a:r>
            </a:p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2028</a:t>
              </a:r>
            </a:p>
          </p:txBody>
        </p:sp>
      </p:grpSp>
      <p:grpSp>
        <p:nvGrpSpPr>
          <p:cNvPr id="16" name="Group 15">
            <a:extLst>
              <a:ext uri="{FF2B5EF4-FFF2-40B4-BE49-F238E27FC236}">
                <a16:creationId xmlns:a16="http://schemas.microsoft.com/office/drawing/2014/main" id="{B210776F-0011-0EFE-2F78-0460ADE86211}"/>
              </a:ext>
            </a:extLst>
          </p:cNvPr>
          <p:cNvGrpSpPr/>
          <p:nvPr/>
        </p:nvGrpSpPr>
        <p:grpSpPr>
          <a:xfrm>
            <a:off x="10073019" y="809653"/>
            <a:ext cx="818044" cy="4441969"/>
            <a:chOff x="9678515" y="2855562"/>
            <a:chExt cx="818044" cy="5749198"/>
          </a:xfrm>
        </p:grpSpPr>
        <p:cxnSp>
          <p:nvCxnSpPr>
            <p:cNvPr id="17" name="Straight Connector 16">
              <a:extLst>
                <a:ext uri="{FF2B5EF4-FFF2-40B4-BE49-F238E27FC236}">
                  <a16:creationId xmlns:a16="http://schemas.microsoft.com/office/drawing/2014/main" id="{10C562BF-A26B-46EA-2918-07E38FFE43E4}"/>
                </a:ext>
              </a:extLst>
            </p:cNvPr>
            <p:cNvCxnSpPr>
              <a:cxnSpLocks/>
            </p:cNvCxnSpPr>
            <p:nvPr/>
          </p:nvCxnSpPr>
          <p:spPr>
            <a:xfrm>
              <a:off x="10087536" y="3429000"/>
              <a:ext cx="0" cy="5175760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solid"/>
              <a:miter lim="800000"/>
            </a:ln>
            <a:effectLst/>
          </p:spPr>
        </p:cxn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6AB64272-F03E-DAD6-8A89-7968814A64A4}"/>
                </a:ext>
              </a:extLst>
            </p:cNvPr>
            <p:cNvSpPr txBox="1"/>
            <p:nvPr/>
          </p:nvSpPr>
          <p:spPr>
            <a:xfrm>
              <a:off x="9678515" y="2855562"/>
              <a:ext cx="818044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January </a:t>
              </a:r>
            </a:p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2028</a:t>
              </a:r>
            </a:p>
          </p:txBody>
        </p:sp>
      </p:grpSp>
      <p:grpSp>
        <p:nvGrpSpPr>
          <p:cNvPr id="19" name="Group 18">
            <a:extLst>
              <a:ext uri="{FF2B5EF4-FFF2-40B4-BE49-F238E27FC236}">
                <a16:creationId xmlns:a16="http://schemas.microsoft.com/office/drawing/2014/main" id="{1C37C937-C5A3-D0E7-0D9E-748C6B0DBBE4}"/>
              </a:ext>
            </a:extLst>
          </p:cNvPr>
          <p:cNvGrpSpPr/>
          <p:nvPr/>
        </p:nvGrpSpPr>
        <p:grpSpPr>
          <a:xfrm>
            <a:off x="9115179" y="809653"/>
            <a:ext cx="569388" cy="4441969"/>
            <a:chOff x="8420204" y="2855562"/>
            <a:chExt cx="569388" cy="5749198"/>
          </a:xfrm>
        </p:grpSpPr>
        <p:cxnSp>
          <p:nvCxnSpPr>
            <p:cNvPr id="20" name="Straight Connector 19">
              <a:extLst>
                <a:ext uri="{FF2B5EF4-FFF2-40B4-BE49-F238E27FC236}">
                  <a16:creationId xmlns:a16="http://schemas.microsoft.com/office/drawing/2014/main" id="{C8CEB732-3F05-DDBF-3A4B-9C565342E671}"/>
                </a:ext>
              </a:extLst>
            </p:cNvPr>
            <p:cNvCxnSpPr>
              <a:cxnSpLocks/>
            </p:cNvCxnSpPr>
            <p:nvPr/>
          </p:nvCxnSpPr>
          <p:spPr>
            <a:xfrm>
              <a:off x="8704899" y="3429000"/>
              <a:ext cx="0" cy="5175760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solid"/>
              <a:miter lim="800000"/>
            </a:ln>
            <a:effectLst/>
          </p:spPr>
        </p:cxnSp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550B921B-E16C-EDBF-59E6-A61F2CE5ED76}"/>
                </a:ext>
              </a:extLst>
            </p:cNvPr>
            <p:cNvSpPr txBox="1"/>
            <p:nvPr/>
          </p:nvSpPr>
          <p:spPr>
            <a:xfrm>
              <a:off x="8420204" y="2855562"/>
              <a:ext cx="569388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July </a:t>
              </a:r>
            </a:p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2027</a:t>
              </a:r>
            </a:p>
          </p:txBody>
        </p:sp>
      </p:grpSp>
      <p:grpSp>
        <p:nvGrpSpPr>
          <p:cNvPr id="22" name="Group 21">
            <a:extLst>
              <a:ext uri="{FF2B5EF4-FFF2-40B4-BE49-F238E27FC236}">
                <a16:creationId xmlns:a16="http://schemas.microsoft.com/office/drawing/2014/main" id="{BCFB47A0-AD40-CDE5-473E-5C88E3B3CCF8}"/>
              </a:ext>
            </a:extLst>
          </p:cNvPr>
          <p:cNvGrpSpPr/>
          <p:nvPr/>
        </p:nvGrpSpPr>
        <p:grpSpPr>
          <a:xfrm>
            <a:off x="7908683" y="809653"/>
            <a:ext cx="818044" cy="4441969"/>
            <a:chOff x="6935315" y="2855562"/>
            <a:chExt cx="818044" cy="5749198"/>
          </a:xfrm>
        </p:grpSpPr>
        <p:cxnSp>
          <p:nvCxnSpPr>
            <p:cNvPr id="23" name="Straight Connector 22">
              <a:extLst>
                <a:ext uri="{FF2B5EF4-FFF2-40B4-BE49-F238E27FC236}">
                  <a16:creationId xmlns:a16="http://schemas.microsoft.com/office/drawing/2014/main" id="{21A12F5F-8201-B830-2717-1E29FE22842C}"/>
                </a:ext>
              </a:extLst>
            </p:cNvPr>
            <p:cNvCxnSpPr>
              <a:cxnSpLocks/>
            </p:cNvCxnSpPr>
            <p:nvPr/>
          </p:nvCxnSpPr>
          <p:spPr>
            <a:xfrm>
              <a:off x="7344336" y="3429000"/>
              <a:ext cx="0" cy="5175760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solid"/>
              <a:miter lim="800000"/>
            </a:ln>
            <a:effectLst/>
          </p:spPr>
        </p:cxnSp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1FC1B88F-DD52-FE53-0414-65723E5EF293}"/>
                </a:ext>
              </a:extLst>
            </p:cNvPr>
            <p:cNvSpPr txBox="1"/>
            <p:nvPr/>
          </p:nvSpPr>
          <p:spPr>
            <a:xfrm>
              <a:off x="6935315" y="2855562"/>
              <a:ext cx="818044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January </a:t>
              </a:r>
            </a:p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2027</a:t>
              </a:r>
            </a:p>
          </p:txBody>
        </p:sp>
      </p:grpSp>
      <p:grpSp>
        <p:nvGrpSpPr>
          <p:cNvPr id="25" name="Group 24">
            <a:extLst>
              <a:ext uri="{FF2B5EF4-FFF2-40B4-BE49-F238E27FC236}">
                <a16:creationId xmlns:a16="http://schemas.microsoft.com/office/drawing/2014/main" id="{025EF36B-BDE3-23C8-D20C-930C602A3112}"/>
              </a:ext>
            </a:extLst>
          </p:cNvPr>
          <p:cNvGrpSpPr/>
          <p:nvPr/>
        </p:nvGrpSpPr>
        <p:grpSpPr>
          <a:xfrm>
            <a:off x="6950843" y="809653"/>
            <a:ext cx="569388" cy="4441969"/>
            <a:chOff x="5669254" y="2855562"/>
            <a:chExt cx="569388" cy="5749198"/>
          </a:xfrm>
        </p:grpSpPr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21B72487-52A9-9F00-8425-FCE63F50E5F3}"/>
                </a:ext>
              </a:extLst>
            </p:cNvPr>
            <p:cNvCxnSpPr>
              <a:cxnSpLocks/>
            </p:cNvCxnSpPr>
            <p:nvPr/>
          </p:nvCxnSpPr>
          <p:spPr>
            <a:xfrm>
              <a:off x="5953949" y="3429000"/>
              <a:ext cx="0" cy="5175760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solid"/>
              <a:miter lim="800000"/>
            </a:ln>
            <a:effectLst/>
          </p:spPr>
        </p:cxnSp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735F2DA1-1DB7-F7AB-6AA5-372F1290AAB8}"/>
                </a:ext>
              </a:extLst>
            </p:cNvPr>
            <p:cNvSpPr txBox="1"/>
            <p:nvPr/>
          </p:nvSpPr>
          <p:spPr>
            <a:xfrm>
              <a:off x="5669254" y="2855562"/>
              <a:ext cx="569388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July </a:t>
              </a:r>
            </a:p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2026</a:t>
              </a:r>
            </a:p>
          </p:txBody>
        </p:sp>
      </p:grpSp>
      <p:grpSp>
        <p:nvGrpSpPr>
          <p:cNvPr id="28" name="Group 27">
            <a:extLst>
              <a:ext uri="{FF2B5EF4-FFF2-40B4-BE49-F238E27FC236}">
                <a16:creationId xmlns:a16="http://schemas.microsoft.com/office/drawing/2014/main" id="{E4386F33-F71E-5FF4-FA21-3E44590F46D3}"/>
              </a:ext>
            </a:extLst>
          </p:cNvPr>
          <p:cNvGrpSpPr/>
          <p:nvPr/>
        </p:nvGrpSpPr>
        <p:grpSpPr>
          <a:xfrm>
            <a:off x="5744347" y="809653"/>
            <a:ext cx="818044" cy="4441969"/>
            <a:chOff x="4184365" y="2855562"/>
            <a:chExt cx="818044" cy="5749198"/>
          </a:xfrm>
        </p:grpSpPr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95B8F2AB-27EE-C9EC-0AC2-B857EEE015B9}"/>
                </a:ext>
              </a:extLst>
            </p:cNvPr>
            <p:cNvCxnSpPr>
              <a:cxnSpLocks/>
            </p:cNvCxnSpPr>
            <p:nvPr/>
          </p:nvCxnSpPr>
          <p:spPr>
            <a:xfrm>
              <a:off x="4593386" y="3429000"/>
              <a:ext cx="0" cy="5175760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solid"/>
              <a:miter lim="800000"/>
            </a:ln>
            <a:effectLst/>
          </p:spPr>
        </p:cxnSp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387D6432-7510-39EC-9A79-60D2197A7922}"/>
                </a:ext>
              </a:extLst>
            </p:cNvPr>
            <p:cNvSpPr txBox="1"/>
            <p:nvPr/>
          </p:nvSpPr>
          <p:spPr>
            <a:xfrm>
              <a:off x="4184365" y="2855562"/>
              <a:ext cx="818044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January </a:t>
              </a:r>
            </a:p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2026</a:t>
              </a:r>
            </a:p>
          </p:txBody>
        </p: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2FA95458-8CD4-F47E-7037-F2762687C7BB}"/>
              </a:ext>
            </a:extLst>
          </p:cNvPr>
          <p:cNvGrpSpPr/>
          <p:nvPr/>
        </p:nvGrpSpPr>
        <p:grpSpPr>
          <a:xfrm>
            <a:off x="4786507" y="809653"/>
            <a:ext cx="569388" cy="4441969"/>
            <a:chOff x="2941552" y="2855562"/>
            <a:chExt cx="569388" cy="5749198"/>
          </a:xfrm>
        </p:grpSpPr>
        <p:cxnSp>
          <p:nvCxnSpPr>
            <p:cNvPr id="32" name="Straight Connector 31">
              <a:extLst>
                <a:ext uri="{FF2B5EF4-FFF2-40B4-BE49-F238E27FC236}">
                  <a16:creationId xmlns:a16="http://schemas.microsoft.com/office/drawing/2014/main" id="{C5C841AE-06B9-F581-DA2F-28C297FD432D}"/>
                </a:ext>
              </a:extLst>
            </p:cNvPr>
            <p:cNvCxnSpPr>
              <a:cxnSpLocks/>
            </p:cNvCxnSpPr>
            <p:nvPr/>
          </p:nvCxnSpPr>
          <p:spPr>
            <a:xfrm>
              <a:off x="3226247" y="3429000"/>
              <a:ext cx="0" cy="5175760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solid"/>
              <a:miter lim="800000"/>
            </a:ln>
            <a:effectLst/>
          </p:spPr>
        </p:cxnSp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93F74FEB-DAC5-7481-B5C3-D2561F0054EC}"/>
                </a:ext>
              </a:extLst>
            </p:cNvPr>
            <p:cNvSpPr txBox="1"/>
            <p:nvPr/>
          </p:nvSpPr>
          <p:spPr>
            <a:xfrm>
              <a:off x="2941552" y="2855562"/>
              <a:ext cx="569388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July </a:t>
              </a:r>
            </a:p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2025</a:t>
              </a:r>
            </a:p>
          </p:txBody>
        </p:sp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2D790BE2-B6F1-5703-D74A-75BC8A1C1DD2}"/>
              </a:ext>
            </a:extLst>
          </p:cNvPr>
          <p:cNvGrpSpPr/>
          <p:nvPr/>
        </p:nvGrpSpPr>
        <p:grpSpPr>
          <a:xfrm>
            <a:off x="3580011" y="809653"/>
            <a:ext cx="818044" cy="4441969"/>
            <a:chOff x="1456663" y="2855562"/>
            <a:chExt cx="818044" cy="5749198"/>
          </a:xfrm>
        </p:grpSpPr>
        <p:cxnSp>
          <p:nvCxnSpPr>
            <p:cNvPr id="35" name="Straight Connector 34">
              <a:extLst>
                <a:ext uri="{FF2B5EF4-FFF2-40B4-BE49-F238E27FC236}">
                  <a16:creationId xmlns:a16="http://schemas.microsoft.com/office/drawing/2014/main" id="{77B7E86E-31B4-ED8D-9D23-EC5FC8170585}"/>
                </a:ext>
              </a:extLst>
            </p:cNvPr>
            <p:cNvCxnSpPr>
              <a:cxnSpLocks/>
            </p:cNvCxnSpPr>
            <p:nvPr/>
          </p:nvCxnSpPr>
          <p:spPr>
            <a:xfrm>
              <a:off x="1865684" y="3429000"/>
              <a:ext cx="0" cy="5175760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solid"/>
              <a:miter lim="800000"/>
            </a:ln>
            <a:effectLst/>
          </p:spPr>
        </p:cxnSp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EE576B2E-CCCA-CF42-C6A6-560D31EC1450}"/>
                </a:ext>
              </a:extLst>
            </p:cNvPr>
            <p:cNvSpPr txBox="1"/>
            <p:nvPr/>
          </p:nvSpPr>
          <p:spPr>
            <a:xfrm>
              <a:off x="1456663" y="2855562"/>
              <a:ext cx="818044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January </a:t>
              </a:r>
            </a:p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2025</a:t>
              </a:r>
            </a:p>
          </p:txBody>
        </p:sp>
      </p:grpSp>
      <p:grpSp>
        <p:nvGrpSpPr>
          <p:cNvPr id="37" name="Group 36">
            <a:extLst>
              <a:ext uri="{FF2B5EF4-FFF2-40B4-BE49-F238E27FC236}">
                <a16:creationId xmlns:a16="http://schemas.microsoft.com/office/drawing/2014/main" id="{889C1A2E-357A-CD3D-6E12-E20183914D2D}"/>
              </a:ext>
            </a:extLst>
          </p:cNvPr>
          <p:cNvGrpSpPr/>
          <p:nvPr/>
        </p:nvGrpSpPr>
        <p:grpSpPr>
          <a:xfrm>
            <a:off x="2622171" y="809653"/>
            <a:ext cx="569388" cy="4441969"/>
            <a:chOff x="182854" y="2855562"/>
            <a:chExt cx="569388" cy="5749198"/>
          </a:xfrm>
        </p:grpSpPr>
        <p:cxnSp>
          <p:nvCxnSpPr>
            <p:cNvPr id="66" name="Straight Connector 65">
              <a:extLst>
                <a:ext uri="{FF2B5EF4-FFF2-40B4-BE49-F238E27FC236}">
                  <a16:creationId xmlns:a16="http://schemas.microsoft.com/office/drawing/2014/main" id="{E09D7B83-AE02-AF87-935A-D86EAE47EF15}"/>
                </a:ext>
              </a:extLst>
            </p:cNvPr>
            <p:cNvCxnSpPr>
              <a:cxnSpLocks/>
            </p:cNvCxnSpPr>
            <p:nvPr/>
          </p:nvCxnSpPr>
          <p:spPr>
            <a:xfrm>
              <a:off x="467549" y="3429000"/>
              <a:ext cx="0" cy="5175760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solid"/>
              <a:miter lim="800000"/>
            </a:ln>
            <a:effectLst/>
          </p:spPr>
        </p:cxnSp>
        <p:sp>
          <p:nvSpPr>
            <p:cNvPr id="67" name="TextBox 66">
              <a:extLst>
                <a:ext uri="{FF2B5EF4-FFF2-40B4-BE49-F238E27FC236}">
                  <a16:creationId xmlns:a16="http://schemas.microsoft.com/office/drawing/2014/main" id="{81BFB3DE-2401-EDF5-B06E-40A487368C0D}"/>
                </a:ext>
              </a:extLst>
            </p:cNvPr>
            <p:cNvSpPr txBox="1"/>
            <p:nvPr/>
          </p:nvSpPr>
          <p:spPr>
            <a:xfrm>
              <a:off x="182854" y="2855562"/>
              <a:ext cx="569388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July </a:t>
              </a:r>
            </a:p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2024</a:t>
              </a:r>
            </a:p>
          </p:txBody>
        </p:sp>
      </p:grpSp>
      <p:grpSp>
        <p:nvGrpSpPr>
          <p:cNvPr id="68" name="Group 67">
            <a:extLst>
              <a:ext uri="{FF2B5EF4-FFF2-40B4-BE49-F238E27FC236}">
                <a16:creationId xmlns:a16="http://schemas.microsoft.com/office/drawing/2014/main" id="{CEA9482D-9043-3D72-B001-964614C05D7A}"/>
              </a:ext>
            </a:extLst>
          </p:cNvPr>
          <p:cNvGrpSpPr/>
          <p:nvPr/>
        </p:nvGrpSpPr>
        <p:grpSpPr>
          <a:xfrm>
            <a:off x="1415675" y="809653"/>
            <a:ext cx="818044" cy="4441969"/>
            <a:chOff x="-1302035" y="2855562"/>
            <a:chExt cx="818044" cy="5749198"/>
          </a:xfrm>
        </p:grpSpPr>
        <p:cxnSp>
          <p:nvCxnSpPr>
            <p:cNvPr id="69" name="Straight Connector 68">
              <a:extLst>
                <a:ext uri="{FF2B5EF4-FFF2-40B4-BE49-F238E27FC236}">
                  <a16:creationId xmlns:a16="http://schemas.microsoft.com/office/drawing/2014/main" id="{B508B05B-E267-98A6-7840-190D739C0015}"/>
                </a:ext>
              </a:extLst>
            </p:cNvPr>
            <p:cNvCxnSpPr>
              <a:cxnSpLocks/>
            </p:cNvCxnSpPr>
            <p:nvPr/>
          </p:nvCxnSpPr>
          <p:spPr>
            <a:xfrm>
              <a:off x="-893014" y="3429000"/>
              <a:ext cx="0" cy="5175760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solid"/>
              <a:miter lim="800000"/>
            </a:ln>
            <a:effectLst/>
          </p:spPr>
        </p:cxnSp>
        <p:sp>
          <p:nvSpPr>
            <p:cNvPr id="70" name="TextBox 69">
              <a:extLst>
                <a:ext uri="{FF2B5EF4-FFF2-40B4-BE49-F238E27FC236}">
                  <a16:creationId xmlns:a16="http://schemas.microsoft.com/office/drawing/2014/main" id="{61AC0943-7D5B-1687-BEA4-49E8A227B149}"/>
                </a:ext>
              </a:extLst>
            </p:cNvPr>
            <p:cNvSpPr txBox="1"/>
            <p:nvPr/>
          </p:nvSpPr>
          <p:spPr>
            <a:xfrm>
              <a:off x="-1302035" y="2855562"/>
              <a:ext cx="818044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January </a:t>
              </a:r>
            </a:p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2024</a:t>
              </a:r>
            </a:p>
          </p:txBody>
        </p:sp>
      </p:grpSp>
      <p:sp>
        <p:nvSpPr>
          <p:cNvPr id="72" name="Chevron 71">
            <a:extLst>
              <a:ext uri="{FF2B5EF4-FFF2-40B4-BE49-F238E27FC236}">
                <a16:creationId xmlns:a16="http://schemas.microsoft.com/office/drawing/2014/main" id="{B0A0E0C2-CD9F-287F-2B11-7AFC2DB9BC75}"/>
              </a:ext>
            </a:extLst>
          </p:cNvPr>
          <p:cNvSpPr/>
          <p:nvPr/>
        </p:nvSpPr>
        <p:spPr>
          <a:xfrm>
            <a:off x="6212113" y="3824905"/>
            <a:ext cx="2701311" cy="792000"/>
          </a:xfrm>
          <a:prstGeom prst="chevron">
            <a:avLst/>
          </a:prstGeom>
          <a:solidFill>
            <a:srgbClr val="156082">
              <a:hueOff val="0"/>
              <a:satOff val="0"/>
              <a:lumOff val="0"/>
              <a:alphaOff val="0"/>
            </a:srgbClr>
          </a:solidFill>
          <a:ln w="1905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txBody>
          <a:bodyPr anchor="ctr"/>
          <a:lstStyle/>
          <a:p>
            <a:pPr marL="0" marR="0" lvl="0" indent="0" algn="ctr" defTabSz="80010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APTW Module Manufacture, Assembly, </a:t>
            </a:r>
            <a:b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</a:b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Offline Testing</a:t>
            </a:r>
          </a:p>
        </p:txBody>
      </p:sp>
      <p:sp>
        <p:nvSpPr>
          <p:cNvPr id="73" name="Chevron 72">
            <a:extLst>
              <a:ext uri="{FF2B5EF4-FFF2-40B4-BE49-F238E27FC236}">
                <a16:creationId xmlns:a16="http://schemas.microsoft.com/office/drawing/2014/main" id="{A703FF51-014B-D982-9062-46EFF19021FF}"/>
              </a:ext>
            </a:extLst>
          </p:cNvPr>
          <p:cNvSpPr/>
          <p:nvPr/>
        </p:nvSpPr>
        <p:spPr>
          <a:xfrm>
            <a:off x="8821013" y="3824905"/>
            <a:ext cx="1979021" cy="792000"/>
          </a:xfrm>
          <a:prstGeom prst="chevron">
            <a:avLst/>
          </a:prstGeom>
          <a:solidFill>
            <a:srgbClr val="156082">
              <a:hueOff val="0"/>
              <a:satOff val="0"/>
              <a:lumOff val="0"/>
              <a:alphaOff val="0"/>
            </a:srgbClr>
          </a:solidFill>
          <a:ln w="1905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txBody>
          <a:bodyPr anchor="ctr"/>
          <a:lstStyle/>
          <a:p>
            <a:pPr marL="0" marR="0" lvl="0" indent="0" algn="ctr" defTabSz="80010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APTW Module Installation &amp; Integration</a:t>
            </a:r>
          </a:p>
        </p:txBody>
      </p:sp>
      <p:sp>
        <p:nvSpPr>
          <p:cNvPr id="74" name="Chevron 73">
            <a:extLst>
              <a:ext uri="{FF2B5EF4-FFF2-40B4-BE49-F238E27FC236}">
                <a16:creationId xmlns:a16="http://schemas.microsoft.com/office/drawing/2014/main" id="{B35A870F-5A03-0BD4-4B58-D5C8EEDC35A1}"/>
              </a:ext>
            </a:extLst>
          </p:cNvPr>
          <p:cNvSpPr/>
          <p:nvPr/>
        </p:nvSpPr>
        <p:spPr>
          <a:xfrm>
            <a:off x="10417871" y="3832258"/>
            <a:ext cx="1707323" cy="792000"/>
          </a:xfrm>
          <a:prstGeom prst="chevron">
            <a:avLst/>
          </a:prstGeom>
          <a:solidFill>
            <a:srgbClr val="156082">
              <a:hueOff val="0"/>
              <a:satOff val="0"/>
              <a:lumOff val="0"/>
              <a:alphaOff val="0"/>
            </a:srgbClr>
          </a:solidFill>
          <a:ln w="1905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txBody>
          <a:bodyPr anchor="ctr"/>
          <a:lstStyle/>
          <a:p>
            <a:pPr marL="0" marR="0" lvl="0" indent="0" algn="ctr" defTabSz="80010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APTW </a:t>
            </a:r>
            <a:r>
              <a:rPr kumimoji="0" lang="en-CA" sz="1400" b="0" i="0" u="none" strike="noStrike" kern="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Commis</a:t>
            </a:r>
            <a:r>
              <a:rPr kumimoji="0" lang="en-CA" sz="14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-  </a:t>
            </a:r>
            <a:r>
              <a:rPr kumimoji="0" lang="en-CA" sz="1400" b="0" i="0" u="none" strike="noStrike" kern="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sioning</a:t>
            </a:r>
            <a:endParaRPr kumimoji="0" lang="en-CA" sz="14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75" name="Chevron 74">
            <a:extLst>
              <a:ext uri="{FF2B5EF4-FFF2-40B4-BE49-F238E27FC236}">
                <a16:creationId xmlns:a16="http://schemas.microsoft.com/office/drawing/2014/main" id="{4E4FD536-B86E-4089-8C84-CB05EEEF5D9A}"/>
              </a:ext>
            </a:extLst>
          </p:cNvPr>
          <p:cNvSpPr/>
          <p:nvPr/>
        </p:nvSpPr>
        <p:spPr>
          <a:xfrm>
            <a:off x="1087664" y="2966733"/>
            <a:ext cx="4819606" cy="792000"/>
          </a:xfrm>
          <a:prstGeom prst="chevron">
            <a:avLst/>
          </a:prstGeom>
          <a:solidFill>
            <a:srgbClr val="156082">
              <a:hueOff val="0"/>
              <a:satOff val="0"/>
              <a:lumOff val="0"/>
              <a:alphaOff val="0"/>
            </a:srgbClr>
          </a:solidFill>
          <a:ln w="1905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txBody>
          <a:bodyPr anchor="ctr"/>
          <a:lstStyle/>
          <a:p>
            <a:pPr marL="0" marR="0" lvl="0" indent="0" algn="ctr" defTabSz="80010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AETE Module Manufacture, Assembly, </a:t>
            </a:r>
            <a:b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</a:b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Offline Testing</a:t>
            </a:r>
          </a:p>
        </p:txBody>
      </p:sp>
      <p:sp>
        <p:nvSpPr>
          <p:cNvPr id="79" name="Chevron 78">
            <a:extLst>
              <a:ext uri="{FF2B5EF4-FFF2-40B4-BE49-F238E27FC236}">
                <a16:creationId xmlns:a16="http://schemas.microsoft.com/office/drawing/2014/main" id="{AAE05F62-99C0-0B1F-75AD-D55B61ED9623}"/>
              </a:ext>
            </a:extLst>
          </p:cNvPr>
          <p:cNvSpPr/>
          <p:nvPr/>
        </p:nvSpPr>
        <p:spPr>
          <a:xfrm>
            <a:off x="6393720" y="2969943"/>
            <a:ext cx="2170081" cy="792000"/>
          </a:xfrm>
          <a:prstGeom prst="chevron">
            <a:avLst/>
          </a:prstGeom>
          <a:solidFill>
            <a:srgbClr val="156082">
              <a:hueOff val="0"/>
              <a:satOff val="0"/>
              <a:lumOff val="0"/>
              <a:alphaOff val="0"/>
            </a:srgbClr>
          </a:solidFill>
          <a:ln w="1905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txBody>
          <a:bodyPr anchor="ctr"/>
          <a:lstStyle/>
          <a:p>
            <a:pPr marL="0" marR="0" lvl="0" indent="0" algn="ctr" defTabSz="80010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AETE Module Installation &amp; Integration</a:t>
            </a:r>
          </a:p>
        </p:txBody>
      </p:sp>
      <p:sp>
        <p:nvSpPr>
          <p:cNvPr id="80" name="Chevron 79">
            <a:extLst>
              <a:ext uri="{FF2B5EF4-FFF2-40B4-BE49-F238E27FC236}">
                <a16:creationId xmlns:a16="http://schemas.microsoft.com/office/drawing/2014/main" id="{5099B395-58A5-A5A0-2D4B-E1E482BDCD9E}"/>
              </a:ext>
            </a:extLst>
          </p:cNvPr>
          <p:cNvSpPr/>
          <p:nvPr/>
        </p:nvSpPr>
        <p:spPr>
          <a:xfrm>
            <a:off x="8166209" y="2969943"/>
            <a:ext cx="2109109" cy="792000"/>
          </a:xfrm>
          <a:prstGeom prst="chevron">
            <a:avLst/>
          </a:prstGeom>
          <a:solidFill>
            <a:srgbClr val="156082">
              <a:hueOff val="0"/>
              <a:satOff val="0"/>
              <a:lumOff val="0"/>
              <a:alphaOff val="0"/>
            </a:srgbClr>
          </a:solidFill>
          <a:ln w="1905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txBody>
          <a:bodyPr anchor="ctr"/>
          <a:lstStyle/>
          <a:p>
            <a:pPr marL="0" marR="0" lvl="0" indent="0" algn="ctr" defTabSz="80010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AETE Commis-sioning</a:t>
            </a:r>
          </a:p>
        </p:txBody>
      </p:sp>
      <p:sp>
        <p:nvSpPr>
          <p:cNvPr id="71" name="Chevron 70">
            <a:extLst>
              <a:ext uri="{FF2B5EF4-FFF2-40B4-BE49-F238E27FC236}">
                <a16:creationId xmlns:a16="http://schemas.microsoft.com/office/drawing/2014/main" id="{8926BEBB-FC3C-76F9-DE05-728545F9FA22}"/>
              </a:ext>
            </a:extLst>
          </p:cNvPr>
          <p:cNvSpPr/>
          <p:nvPr/>
        </p:nvSpPr>
        <p:spPr>
          <a:xfrm>
            <a:off x="1087664" y="1507653"/>
            <a:ext cx="4331557" cy="792000"/>
          </a:xfrm>
          <a:prstGeom prst="chevron">
            <a:avLst/>
          </a:prstGeom>
          <a:solidFill>
            <a:srgbClr val="156082">
              <a:hueOff val="0"/>
              <a:satOff val="0"/>
              <a:lumOff val="0"/>
              <a:alphaOff val="0"/>
            </a:srgbClr>
          </a:solidFill>
          <a:ln w="1905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txBody>
          <a:bodyPr anchor="ctr"/>
          <a:lstStyle/>
          <a:p>
            <a:pPr marL="0" marR="0" lvl="0" indent="0" algn="ctr" defTabSz="80010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Shielding Component Installation</a:t>
            </a:r>
          </a:p>
        </p:txBody>
      </p:sp>
      <p:sp>
        <p:nvSpPr>
          <p:cNvPr id="81" name="Chevron 80">
            <a:extLst>
              <a:ext uri="{FF2B5EF4-FFF2-40B4-BE49-F238E27FC236}">
                <a16:creationId xmlns:a16="http://schemas.microsoft.com/office/drawing/2014/main" id="{1896ED43-C0E0-3AD6-87EA-D6CD74FC8043}"/>
              </a:ext>
            </a:extLst>
          </p:cNvPr>
          <p:cNvSpPr/>
          <p:nvPr/>
        </p:nvSpPr>
        <p:spPr>
          <a:xfrm>
            <a:off x="5047055" y="1507653"/>
            <a:ext cx="1870490" cy="792000"/>
          </a:xfrm>
          <a:prstGeom prst="chevron">
            <a:avLst/>
          </a:prstGeom>
          <a:solidFill>
            <a:srgbClr val="156082">
              <a:hueOff val="0"/>
              <a:satOff val="0"/>
              <a:lumOff val="0"/>
              <a:alphaOff val="0"/>
            </a:srgbClr>
          </a:solidFill>
          <a:ln w="1905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txBody>
          <a:bodyPr anchor="ctr"/>
          <a:lstStyle/>
          <a:p>
            <a:pPr marL="0" marR="0" lvl="0" indent="0" algn="ctr" defTabSz="80010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Services Install</a:t>
            </a:r>
          </a:p>
        </p:txBody>
      </p:sp>
      <p:sp>
        <p:nvSpPr>
          <p:cNvPr id="85" name="Title 3">
            <a:extLst>
              <a:ext uri="{FF2B5EF4-FFF2-40B4-BE49-F238E27FC236}">
                <a16:creationId xmlns:a16="http://schemas.microsoft.com/office/drawing/2014/main" id="{E536B3F3-8359-9EFB-8BB6-E94BBBF5899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094806" y="204095"/>
            <a:ext cx="9577143" cy="350306"/>
          </a:xfrm>
        </p:spPr>
        <p:txBody>
          <a:bodyPr/>
          <a:lstStyle/>
          <a:p>
            <a:r>
              <a:rPr lang="en-CA" dirty="0"/>
              <a:t>Current ARIEL Programme Critical Path</a:t>
            </a:r>
          </a:p>
        </p:txBody>
      </p:sp>
      <p:sp>
        <p:nvSpPr>
          <p:cNvPr id="86" name="TextBox 85">
            <a:extLst>
              <a:ext uri="{FF2B5EF4-FFF2-40B4-BE49-F238E27FC236}">
                <a16:creationId xmlns:a16="http://schemas.microsoft.com/office/drawing/2014/main" id="{EB142DEB-0A0D-9229-D036-29441E10AABE}"/>
              </a:ext>
            </a:extLst>
          </p:cNvPr>
          <p:cNvSpPr txBox="1"/>
          <p:nvPr/>
        </p:nvSpPr>
        <p:spPr>
          <a:xfrm>
            <a:off x="69927" y="1718987"/>
            <a:ext cx="105670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b="1"/>
              <a:t>Shielding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9B1192FF-62B4-71BC-0ABB-7E9505270351}"/>
              </a:ext>
            </a:extLst>
          </p:cNvPr>
          <p:cNvSpPr txBox="1"/>
          <p:nvPr/>
        </p:nvSpPr>
        <p:spPr>
          <a:xfrm>
            <a:off x="69927" y="3039567"/>
            <a:ext cx="90935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b="1"/>
              <a:t>Current AETE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817444C0-3993-F5BD-B1BE-E76023E0C47D}"/>
              </a:ext>
            </a:extLst>
          </p:cNvPr>
          <p:cNvSpPr txBox="1"/>
          <p:nvPr/>
        </p:nvSpPr>
        <p:spPr>
          <a:xfrm>
            <a:off x="69927" y="3905021"/>
            <a:ext cx="90935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b="1"/>
              <a:t>Current APTW</a:t>
            </a:r>
          </a:p>
        </p:txBody>
      </p:sp>
      <p:sp>
        <p:nvSpPr>
          <p:cNvPr id="5" name="Diamond 4">
            <a:extLst>
              <a:ext uri="{FF2B5EF4-FFF2-40B4-BE49-F238E27FC236}">
                <a16:creationId xmlns:a16="http://schemas.microsoft.com/office/drawing/2014/main" id="{90132A16-BE5C-F65B-D11E-A89701B7F248}"/>
              </a:ext>
            </a:extLst>
          </p:cNvPr>
          <p:cNvSpPr/>
          <p:nvPr/>
        </p:nvSpPr>
        <p:spPr>
          <a:xfrm>
            <a:off x="8381873" y="2824167"/>
            <a:ext cx="208589" cy="288949"/>
          </a:xfrm>
          <a:prstGeom prst="diamond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B69B392-E0C8-7F13-794F-5B6767EB4DAE}"/>
              </a:ext>
            </a:extLst>
          </p:cNvPr>
          <p:cNvSpPr txBox="1"/>
          <p:nvPr/>
        </p:nvSpPr>
        <p:spPr>
          <a:xfrm>
            <a:off x="8034979" y="2528623"/>
            <a:ext cx="112068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CA" sz="1400"/>
              <a:t>AETE first beam</a:t>
            </a:r>
          </a:p>
        </p:txBody>
      </p:sp>
      <p:sp>
        <p:nvSpPr>
          <p:cNvPr id="7" name="Diamond 6">
            <a:extLst>
              <a:ext uri="{FF2B5EF4-FFF2-40B4-BE49-F238E27FC236}">
                <a16:creationId xmlns:a16="http://schemas.microsoft.com/office/drawing/2014/main" id="{53F6A0C1-E525-F8F5-816F-5D24C1DC0407}"/>
              </a:ext>
            </a:extLst>
          </p:cNvPr>
          <p:cNvSpPr/>
          <p:nvPr/>
        </p:nvSpPr>
        <p:spPr>
          <a:xfrm>
            <a:off x="10790364" y="4479574"/>
            <a:ext cx="208589" cy="288949"/>
          </a:xfrm>
          <a:prstGeom prst="diamond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43D36746-CEF0-7448-3336-0EEC2E1B5F9E}"/>
              </a:ext>
            </a:extLst>
          </p:cNvPr>
          <p:cNvSpPr txBox="1"/>
          <p:nvPr/>
        </p:nvSpPr>
        <p:spPr>
          <a:xfrm>
            <a:off x="10467526" y="4576538"/>
            <a:ext cx="112068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CA" sz="1400"/>
              <a:t>APTW</a:t>
            </a:r>
            <a:br>
              <a:rPr lang="en-CA" sz="1400"/>
            </a:br>
            <a:r>
              <a:rPr lang="en-CA" sz="1400"/>
              <a:t>first beam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DA24931-9086-2D0E-1D19-239206458093}"/>
              </a:ext>
            </a:extLst>
          </p:cNvPr>
          <p:cNvSpPr txBox="1"/>
          <p:nvPr/>
        </p:nvSpPr>
        <p:spPr>
          <a:xfrm>
            <a:off x="304072" y="5258975"/>
            <a:ext cx="11236143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 dirty="0"/>
              <a:t>Electron target station installation completing late 2026, proton target station installation completing late 2027</a:t>
            </a:r>
          </a:p>
          <a:p>
            <a:pPr marL="285750" indent="-28575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 dirty="0"/>
              <a:t>Electron beam target commissioning starting in 2027, proton beam target commissioning starting in 2028</a:t>
            </a:r>
          </a:p>
          <a:p>
            <a:pPr marL="285750" indent="-28575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 dirty="0"/>
              <a:t>First beam to an experiment is currently planned for 2029. </a:t>
            </a:r>
          </a:p>
          <a:p>
            <a:pPr marL="285750" indent="-28575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 dirty="0"/>
              <a:t>Scope deferred from CFI project prohibitive for meaningful ARIEL RIB user program in 2025-30 in Scenarios 1 and 2. </a:t>
            </a:r>
          </a:p>
        </p:txBody>
      </p:sp>
    </p:spTree>
    <p:extLst>
      <p:ext uri="{BB962C8B-B14F-4D97-AF65-F5344CB8AC3E}">
        <p14:creationId xmlns:p14="http://schemas.microsoft.com/office/powerpoint/2010/main" val="189801020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2" grpId="0" animBg="1"/>
      <p:bldP spid="73" grpId="0" animBg="1"/>
      <p:bldP spid="74" grpId="0" animBg="1"/>
      <p:bldP spid="75" grpId="0" animBg="1"/>
      <p:bldP spid="79" grpId="0" animBg="1"/>
      <p:bldP spid="80" grpId="0" animBg="1"/>
      <p:bldP spid="2" grpId="0"/>
      <p:bldP spid="3" grpId="0"/>
      <p:bldP spid="5" grpId="0" animBg="1"/>
      <p:bldP spid="6" grpId="0"/>
      <p:bldP spid="7" grpId="0" animBg="1"/>
      <p:bldP spid="8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D3E8E8-3386-DD1B-66FA-9F4EF705B9A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A" dirty="0"/>
              <a:t>Programme Acceleration Opportunity in Scenario 2 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52A553D-3BB5-E64E-EE32-9D95E3D7B5C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504446" y="1036616"/>
            <a:ext cx="11167503" cy="4430444"/>
          </a:xfrm>
        </p:spPr>
        <p:txBody>
          <a:bodyPr/>
          <a:lstStyle/>
          <a:p>
            <a:pPr marL="0" indent="0">
              <a:buNone/>
            </a:pPr>
            <a:r>
              <a:rPr lang="en-CA" sz="1800" b="1" dirty="0"/>
              <a:t>Proposal:</a:t>
            </a:r>
          </a:p>
          <a:p>
            <a:r>
              <a:rPr lang="en-CA" sz="1800" dirty="0"/>
              <a:t>Use of (additional) time for target pit shielding for offline assembly of modules, target pit services room installation</a:t>
            </a:r>
          </a:p>
          <a:p>
            <a:r>
              <a:rPr lang="en-CA" sz="1800" dirty="0"/>
              <a:t>Complete proton and electron beamlines installation during shielding installation 2025</a:t>
            </a:r>
          </a:p>
          <a:p>
            <a:r>
              <a:rPr lang="en-CA" sz="1800" b="1" dirty="0"/>
              <a:t>TRIUMF makes significant additional technical (+29 FTE) resources available throughout CY 2026.</a:t>
            </a:r>
          </a:p>
          <a:p>
            <a:pPr marL="457200" lvl="1" indent="0">
              <a:buNone/>
            </a:pPr>
            <a:endParaRPr lang="en-CA" sz="1800" b="1" dirty="0"/>
          </a:p>
          <a:p>
            <a:pPr marL="0" indent="0">
              <a:buNone/>
            </a:pPr>
            <a:r>
              <a:rPr lang="en-CA" sz="1800" b="1" dirty="0"/>
              <a:t>Benefit:</a:t>
            </a:r>
          </a:p>
          <a:p>
            <a:r>
              <a:rPr lang="en-CA" sz="1800" dirty="0"/>
              <a:t>Parallelization of AETE and APTW installation (currently sequential in the schedule) allowing for completion in 2026. </a:t>
            </a:r>
          </a:p>
          <a:p>
            <a:r>
              <a:rPr lang="en-CA" sz="1800" dirty="0"/>
              <a:t>Beam on both stations in 2027, </a:t>
            </a:r>
          </a:p>
          <a:p>
            <a:r>
              <a:rPr lang="en-CA" sz="1800" dirty="0"/>
              <a:t>Increase RIB reach by swapping APTW/AETE commissioning sequence, accelerating spallation and medical isotopes</a:t>
            </a:r>
          </a:p>
          <a:p>
            <a:r>
              <a:rPr lang="en-CA" sz="1800" dirty="0"/>
              <a:t>Front-load CANREB, ramp-up relevant ARIEL deferred scope (target production laboratories, spent target storage vault)</a:t>
            </a:r>
            <a:endParaRPr lang="en-CA" sz="1800" b="1" dirty="0"/>
          </a:p>
          <a:p>
            <a:r>
              <a:rPr lang="en-CA" sz="1800" b="1" dirty="0"/>
              <a:t>Leading to an effective acceleration of CFI project completion of 1-2 years and ARIEL ramp up by up to 4 years. </a:t>
            </a:r>
            <a:endParaRPr lang="en-CA" sz="1800" dirty="0"/>
          </a:p>
          <a:p>
            <a:r>
              <a:rPr lang="en-CA" sz="1800" dirty="0"/>
              <a:t>RIB benefit outside ARIEL: ISAC-ARIEL operational integration, getting ISAC to accommodate 8 months of beam operation</a:t>
            </a:r>
          </a:p>
        </p:txBody>
      </p:sp>
    </p:spTree>
    <p:extLst>
      <p:ext uri="{BB962C8B-B14F-4D97-AF65-F5344CB8AC3E}">
        <p14:creationId xmlns:p14="http://schemas.microsoft.com/office/powerpoint/2010/main" val="252802300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3" name="Group 12">
            <a:extLst>
              <a:ext uri="{FF2B5EF4-FFF2-40B4-BE49-F238E27FC236}">
                <a16:creationId xmlns:a16="http://schemas.microsoft.com/office/drawing/2014/main" id="{FBE0D073-2241-DF66-349B-4F9F78577452}"/>
              </a:ext>
            </a:extLst>
          </p:cNvPr>
          <p:cNvGrpSpPr/>
          <p:nvPr/>
        </p:nvGrpSpPr>
        <p:grpSpPr>
          <a:xfrm>
            <a:off x="11279519" y="813414"/>
            <a:ext cx="569387" cy="5210208"/>
            <a:chOff x="11163405" y="2855562"/>
            <a:chExt cx="569387" cy="5749198"/>
          </a:xfrm>
        </p:grpSpPr>
        <p:cxnSp>
          <p:nvCxnSpPr>
            <p:cNvPr id="14" name="Straight Connector 13">
              <a:extLst>
                <a:ext uri="{FF2B5EF4-FFF2-40B4-BE49-F238E27FC236}">
                  <a16:creationId xmlns:a16="http://schemas.microsoft.com/office/drawing/2014/main" id="{567C9869-5C03-BA15-4B43-98919BF61A1F}"/>
                </a:ext>
              </a:extLst>
            </p:cNvPr>
            <p:cNvCxnSpPr>
              <a:cxnSpLocks/>
            </p:cNvCxnSpPr>
            <p:nvPr/>
          </p:nvCxnSpPr>
          <p:spPr>
            <a:xfrm>
              <a:off x="11448099" y="3429000"/>
              <a:ext cx="0" cy="5175760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solid"/>
              <a:miter lim="800000"/>
            </a:ln>
            <a:effectLst/>
          </p:spPr>
        </p:cxn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0E3A2BAA-477C-FBE6-2821-1EC19F56C857}"/>
                </a:ext>
              </a:extLst>
            </p:cNvPr>
            <p:cNvSpPr txBox="1"/>
            <p:nvPr/>
          </p:nvSpPr>
          <p:spPr>
            <a:xfrm>
              <a:off x="11163405" y="2855562"/>
              <a:ext cx="569387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July </a:t>
              </a:r>
            </a:p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2028</a:t>
              </a:r>
            </a:p>
          </p:txBody>
        </p:sp>
      </p:grpSp>
      <p:grpSp>
        <p:nvGrpSpPr>
          <p:cNvPr id="16" name="Group 15">
            <a:extLst>
              <a:ext uri="{FF2B5EF4-FFF2-40B4-BE49-F238E27FC236}">
                <a16:creationId xmlns:a16="http://schemas.microsoft.com/office/drawing/2014/main" id="{B210776F-0011-0EFE-2F78-0460ADE86211}"/>
              </a:ext>
            </a:extLst>
          </p:cNvPr>
          <p:cNvGrpSpPr/>
          <p:nvPr/>
        </p:nvGrpSpPr>
        <p:grpSpPr>
          <a:xfrm>
            <a:off x="10073019" y="809653"/>
            <a:ext cx="818044" cy="5210208"/>
            <a:chOff x="9678515" y="2855562"/>
            <a:chExt cx="818044" cy="5749198"/>
          </a:xfrm>
        </p:grpSpPr>
        <p:cxnSp>
          <p:nvCxnSpPr>
            <p:cNvPr id="17" name="Straight Connector 16">
              <a:extLst>
                <a:ext uri="{FF2B5EF4-FFF2-40B4-BE49-F238E27FC236}">
                  <a16:creationId xmlns:a16="http://schemas.microsoft.com/office/drawing/2014/main" id="{10C562BF-A26B-46EA-2918-07E38FFE43E4}"/>
                </a:ext>
              </a:extLst>
            </p:cNvPr>
            <p:cNvCxnSpPr>
              <a:cxnSpLocks/>
            </p:cNvCxnSpPr>
            <p:nvPr/>
          </p:nvCxnSpPr>
          <p:spPr>
            <a:xfrm>
              <a:off x="10087536" y="3429000"/>
              <a:ext cx="0" cy="5175760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solid"/>
              <a:miter lim="800000"/>
            </a:ln>
            <a:effectLst/>
          </p:spPr>
        </p:cxn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6AB64272-F03E-DAD6-8A89-7968814A64A4}"/>
                </a:ext>
              </a:extLst>
            </p:cNvPr>
            <p:cNvSpPr txBox="1"/>
            <p:nvPr/>
          </p:nvSpPr>
          <p:spPr>
            <a:xfrm>
              <a:off x="9678515" y="2855562"/>
              <a:ext cx="818044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January </a:t>
              </a:r>
            </a:p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2028</a:t>
              </a:r>
            </a:p>
          </p:txBody>
        </p:sp>
      </p:grpSp>
      <p:grpSp>
        <p:nvGrpSpPr>
          <p:cNvPr id="19" name="Group 18">
            <a:extLst>
              <a:ext uri="{FF2B5EF4-FFF2-40B4-BE49-F238E27FC236}">
                <a16:creationId xmlns:a16="http://schemas.microsoft.com/office/drawing/2014/main" id="{1C37C937-C5A3-D0E7-0D9E-748C6B0DBBE4}"/>
              </a:ext>
            </a:extLst>
          </p:cNvPr>
          <p:cNvGrpSpPr/>
          <p:nvPr/>
        </p:nvGrpSpPr>
        <p:grpSpPr>
          <a:xfrm>
            <a:off x="9115179" y="809653"/>
            <a:ext cx="569388" cy="5210208"/>
            <a:chOff x="8420204" y="2855562"/>
            <a:chExt cx="569388" cy="5749198"/>
          </a:xfrm>
        </p:grpSpPr>
        <p:cxnSp>
          <p:nvCxnSpPr>
            <p:cNvPr id="20" name="Straight Connector 19">
              <a:extLst>
                <a:ext uri="{FF2B5EF4-FFF2-40B4-BE49-F238E27FC236}">
                  <a16:creationId xmlns:a16="http://schemas.microsoft.com/office/drawing/2014/main" id="{C8CEB732-3F05-DDBF-3A4B-9C565342E671}"/>
                </a:ext>
              </a:extLst>
            </p:cNvPr>
            <p:cNvCxnSpPr>
              <a:cxnSpLocks/>
            </p:cNvCxnSpPr>
            <p:nvPr/>
          </p:nvCxnSpPr>
          <p:spPr>
            <a:xfrm>
              <a:off x="8704899" y="3429000"/>
              <a:ext cx="0" cy="5175760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solid"/>
              <a:miter lim="800000"/>
            </a:ln>
            <a:effectLst/>
          </p:spPr>
        </p:cxnSp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550B921B-E16C-EDBF-59E6-A61F2CE5ED76}"/>
                </a:ext>
              </a:extLst>
            </p:cNvPr>
            <p:cNvSpPr txBox="1"/>
            <p:nvPr/>
          </p:nvSpPr>
          <p:spPr>
            <a:xfrm>
              <a:off x="8420204" y="2855562"/>
              <a:ext cx="569388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July </a:t>
              </a:r>
            </a:p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2027</a:t>
              </a:r>
            </a:p>
          </p:txBody>
        </p:sp>
      </p:grpSp>
      <p:grpSp>
        <p:nvGrpSpPr>
          <p:cNvPr id="22" name="Group 21">
            <a:extLst>
              <a:ext uri="{FF2B5EF4-FFF2-40B4-BE49-F238E27FC236}">
                <a16:creationId xmlns:a16="http://schemas.microsoft.com/office/drawing/2014/main" id="{BCFB47A0-AD40-CDE5-473E-5C88E3B3CCF8}"/>
              </a:ext>
            </a:extLst>
          </p:cNvPr>
          <p:cNvGrpSpPr/>
          <p:nvPr/>
        </p:nvGrpSpPr>
        <p:grpSpPr>
          <a:xfrm>
            <a:off x="7908683" y="809653"/>
            <a:ext cx="818044" cy="5210208"/>
            <a:chOff x="6935315" y="2855562"/>
            <a:chExt cx="818044" cy="5749198"/>
          </a:xfrm>
        </p:grpSpPr>
        <p:cxnSp>
          <p:nvCxnSpPr>
            <p:cNvPr id="23" name="Straight Connector 22">
              <a:extLst>
                <a:ext uri="{FF2B5EF4-FFF2-40B4-BE49-F238E27FC236}">
                  <a16:creationId xmlns:a16="http://schemas.microsoft.com/office/drawing/2014/main" id="{21A12F5F-8201-B830-2717-1E29FE22842C}"/>
                </a:ext>
              </a:extLst>
            </p:cNvPr>
            <p:cNvCxnSpPr>
              <a:cxnSpLocks/>
            </p:cNvCxnSpPr>
            <p:nvPr/>
          </p:nvCxnSpPr>
          <p:spPr>
            <a:xfrm>
              <a:off x="7344336" y="3429000"/>
              <a:ext cx="0" cy="5175760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solid"/>
              <a:miter lim="800000"/>
            </a:ln>
            <a:effectLst/>
          </p:spPr>
        </p:cxnSp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1FC1B88F-DD52-FE53-0414-65723E5EF293}"/>
                </a:ext>
              </a:extLst>
            </p:cNvPr>
            <p:cNvSpPr txBox="1"/>
            <p:nvPr/>
          </p:nvSpPr>
          <p:spPr>
            <a:xfrm>
              <a:off x="6935315" y="2855562"/>
              <a:ext cx="818044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January </a:t>
              </a:r>
            </a:p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2027</a:t>
              </a:r>
            </a:p>
          </p:txBody>
        </p:sp>
      </p:grpSp>
      <p:grpSp>
        <p:nvGrpSpPr>
          <p:cNvPr id="25" name="Group 24">
            <a:extLst>
              <a:ext uri="{FF2B5EF4-FFF2-40B4-BE49-F238E27FC236}">
                <a16:creationId xmlns:a16="http://schemas.microsoft.com/office/drawing/2014/main" id="{025EF36B-BDE3-23C8-D20C-930C602A3112}"/>
              </a:ext>
            </a:extLst>
          </p:cNvPr>
          <p:cNvGrpSpPr/>
          <p:nvPr/>
        </p:nvGrpSpPr>
        <p:grpSpPr>
          <a:xfrm>
            <a:off x="6950843" y="809653"/>
            <a:ext cx="569388" cy="5210208"/>
            <a:chOff x="5669254" y="2855562"/>
            <a:chExt cx="569388" cy="5749198"/>
          </a:xfrm>
        </p:grpSpPr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21B72487-52A9-9F00-8425-FCE63F50E5F3}"/>
                </a:ext>
              </a:extLst>
            </p:cNvPr>
            <p:cNvCxnSpPr>
              <a:cxnSpLocks/>
            </p:cNvCxnSpPr>
            <p:nvPr/>
          </p:nvCxnSpPr>
          <p:spPr>
            <a:xfrm>
              <a:off x="5953949" y="3429000"/>
              <a:ext cx="0" cy="5175760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solid"/>
              <a:miter lim="800000"/>
            </a:ln>
            <a:effectLst/>
          </p:spPr>
        </p:cxnSp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735F2DA1-1DB7-F7AB-6AA5-372F1290AAB8}"/>
                </a:ext>
              </a:extLst>
            </p:cNvPr>
            <p:cNvSpPr txBox="1"/>
            <p:nvPr/>
          </p:nvSpPr>
          <p:spPr>
            <a:xfrm>
              <a:off x="5669254" y="2855562"/>
              <a:ext cx="569388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July </a:t>
              </a:r>
            </a:p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2026</a:t>
              </a:r>
            </a:p>
          </p:txBody>
        </p:sp>
      </p:grpSp>
      <p:grpSp>
        <p:nvGrpSpPr>
          <p:cNvPr id="28" name="Group 27">
            <a:extLst>
              <a:ext uri="{FF2B5EF4-FFF2-40B4-BE49-F238E27FC236}">
                <a16:creationId xmlns:a16="http://schemas.microsoft.com/office/drawing/2014/main" id="{E4386F33-F71E-5FF4-FA21-3E44590F46D3}"/>
              </a:ext>
            </a:extLst>
          </p:cNvPr>
          <p:cNvGrpSpPr/>
          <p:nvPr/>
        </p:nvGrpSpPr>
        <p:grpSpPr>
          <a:xfrm>
            <a:off x="5744347" y="809653"/>
            <a:ext cx="818044" cy="5210208"/>
            <a:chOff x="4184365" y="2855562"/>
            <a:chExt cx="818044" cy="5749198"/>
          </a:xfrm>
        </p:grpSpPr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95B8F2AB-27EE-C9EC-0AC2-B857EEE015B9}"/>
                </a:ext>
              </a:extLst>
            </p:cNvPr>
            <p:cNvCxnSpPr>
              <a:cxnSpLocks/>
            </p:cNvCxnSpPr>
            <p:nvPr/>
          </p:nvCxnSpPr>
          <p:spPr>
            <a:xfrm>
              <a:off x="4593386" y="3429000"/>
              <a:ext cx="0" cy="5175760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solid"/>
              <a:miter lim="800000"/>
            </a:ln>
            <a:effectLst/>
          </p:spPr>
        </p:cxnSp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387D6432-7510-39EC-9A79-60D2197A7922}"/>
                </a:ext>
              </a:extLst>
            </p:cNvPr>
            <p:cNvSpPr txBox="1"/>
            <p:nvPr/>
          </p:nvSpPr>
          <p:spPr>
            <a:xfrm>
              <a:off x="4184365" y="2855562"/>
              <a:ext cx="818044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January </a:t>
              </a:r>
            </a:p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2026</a:t>
              </a:r>
            </a:p>
          </p:txBody>
        </p: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2FA95458-8CD4-F47E-7037-F2762687C7BB}"/>
              </a:ext>
            </a:extLst>
          </p:cNvPr>
          <p:cNvGrpSpPr/>
          <p:nvPr/>
        </p:nvGrpSpPr>
        <p:grpSpPr>
          <a:xfrm>
            <a:off x="4786507" y="809653"/>
            <a:ext cx="569388" cy="5210208"/>
            <a:chOff x="2941552" y="2855562"/>
            <a:chExt cx="569388" cy="5749198"/>
          </a:xfrm>
        </p:grpSpPr>
        <p:cxnSp>
          <p:nvCxnSpPr>
            <p:cNvPr id="32" name="Straight Connector 31">
              <a:extLst>
                <a:ext uri="{FF2B5EF4-FFF2-40B4-BE49-F238E27FC236}">
                  <a16:creationId xmlns:a16="http://schemas.microsoft.com/office/drawing/2014/main" id="{C5C841AE-06B9-F581-DA2F-28C297FD432D}"/>
                </a:ext>
              </a:extLst>
            </p:cNvPr>
            <p:cNvCxnSpPr>
              <a:cxnSpLocks/>
            </p:cNvCxnSpPr>
            <p:nvPr/>
          </p:nvCxnSpPr>
          <p:spPr>
            <a:xfrm>
              <a:off x="3226247" y="3429000"/>
              <a:ext cx="0" cy="5175760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solid"/>
              <a:miter lim="800000"/>
            </a:ln>
            <a:effectLst/>
          </p:spPr>
        </p:cxnSp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93F74FEB-DAC5-7481-B5C3-D2561F0054EC}"/>
                </a:ext>
              </a:extLst>
            </p:cNvPr>
            <p:cNvSpPr txBox="1"/>
            <p:nvPr/>
          </p:nvSpPr>
          <p:spPr>
            <a:xfrm>
              <a:off x="2941552" y="2855562"/>
              <a:ext cx="569388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July </a:t>
              </a:r>
            </a:p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2025</a:t>
              </a:r>
            </a:p>
          </p:txBody>
        </p:sp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2D790BE2-B6F1-5703-D74A-75BC8A1C1DD2}"/>
              </a:ext>
            </a:extLst>
          </p:cNvPr>
          <p:cNvGrpSpPr/>
          <p:nvPr/>
        </p:nvGrpSpPr>
        <p:grpSpPr>
          <a:xfrm>
            <a:off x="3580011" y="809653"/>
            <a:ext cx="818044" cy="5210208"/>
            <a:chOff x="1456663" y="2855562"/>
            <a:chExt cx="818044" cy="5749198"/>
          </a:xfrm>
        </p:grpSpPr>
        <p:cxnSp>
          <p:nvCxnSpPr>
            <p:cNvPr id="35" name="Straight Connector 34">
              <a:extLst>
                <a:ext uri="{FF2B5EF4-FFF2-40B4-BE49-F238E27FC236}">
                  <a16:creationId xmlns:a16="http://schemas.microsoft.com/office/drawing/2014/main" id="{77B7E86E-31B4-ED8D-9D23-EC5FC8170585}"/>
                </a:ext>
              </a:extLst>
            </p:cNvPr>
            <p:cNvCxnSpPr>
              <a:cxnSpLocks/>
            </p:cNvCxnSpPr>
            <p:nvPr/>
          </p:nvCxnSpPr>
          <p:spPr>
            <a:xfrm>
              <a:off x="1865684" y="3429000"/>
              <a:ext cx="0" cy="5175760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solid"/>
              <a:miter lim="800000"/>
            </a:ln>
            <a:effectLst/>
          </p:spPr>
        </p:cxnSp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EE576B2E-CCCA-CF42-C6A6-560D31EC1450}"/>
                </a:ext>
              </a:extLst>
            </p:cNvPr>
            <p:cNvSpPr txBox="1"/>
            <p:nvPr/>
          </p:nvSpPr>
          <p:spPr>
            <a:xfrm>
              <a:off x="1456663" y="2855562"/>
              <a:ext cx="818044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January </a:t>
              </a:r>
            </a:p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2025</a:t>
              </a:r>
            </a:p>
          </p:txBody>
        </p:sp>
      </p:grpSp>
      <p:grpSp>
        <p:nvGrpSpPr>
          <p:cNvPr id="37" name="Group 36">
            <a:extLst>
              <a:ext uri="{FF2B5EF4-FFF2-40B4-BE49-F238E27FC236}">
                <a16:creationId xmlns:a16="http://schemas.microsoft.com/office/drawing/2014/main" id="{889C1A2E-357A-CD3D-6E12-E20183914D2D}"/>
              </a:ext>
            </a:extLst>
          </p:cNvPr>
          <p:cNvGrpSpPr/>
          <p:nvPr/>
        </p:nvGrpSpPr>
        <p:grpSpPr>
          <a:xfrm>
            <a:off x="2622171" y="809653"/>
            <a:ext cx="569388" cy="5210208"/>
            <a:chOff x="182854" y="2855562"/>
            <a:chExt cx="569388" cy="5749198"/>
          </a:xfrm>
        </p:grpSpPr>
        <p:cxnSp>
          <p:nvCxnSpPr>
            <p:cNvPr id="66" name="Straight Connector 65">
              <a:extLst>
                <a:ext uri="{FF2B5EF4-FFF2-40B4-BE49-F238E27FC236}">
                  <a16:creationId xmlns:a16="http://schemas.microsoft.com/office/drawing/2014/main" id="{E09D7B83-AE02-AF87-935A-D86EAE47EF15}"/>
                </a:ext>
              </a:extLst>
            </p:cNvPr>
            <p:cNvCxnSpPr>
              <a:cxnSpLocks/>
            </p:cNvCxnSpPr>
            <p:nvPr/>
          </p:nvCxnSpPr>
          <p:spPr>
            <a:xfrm>
              <a:off x="467549" y="3429000"/>
              <a:ext cx="0" cy="5175760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solid"/>
              <a:miter lim="800000"/>
            </a:ln>
            <a:effectLst/>
          </p:spPr>
        </p:cxnSp>
        <p:sp>
          <p:nvSpPr>
            <p:cNvPr id="67" name="TextBox 66">
              <a:extLst>
                <a:ext uri="{FF2B5EF4-FFF2-40B4-BE49-F238E27FC236}">
                  <a16:creationId xmlns:a16="http://schemas.microsoft.com/office/drawing/2014/main" id="{81BFB3DE-2401-EDF5-B06E-40A487368C0D}"/>
                </a:ext>
              </a:extLst>
            </p:cNvPr>
            <p:cNvSpPr txBox="1"/>
            <p:nvPr/>
          </p:nvSpPr>
          <p:spPr>
            <a:xfrm>
              <a:off x="182854" y="2855562"/>
              <a:ext cx="569388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July </a:t>
              </a:r>
            </a:p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2024</a:t>
              </a:r>
            </a:p>
          </p:txBody>
        </p:sp>
      </p:grpSp>
      <p:grpSp>
        <p:nvGrpSpPr>
          <p:cNvPr id="68" name="Group 67">
            <a:extLst>
              <a:ext uri="{FF2B5EF4-FFF2-40B4-BE49-F238E27FC236}">
                <a16:creationId xmlns:a16="http://schemas.microsoft.com/office/drawing/2014/main" id="{CEA9482D-9043-3D72-B001-964614C05D7A}"/>
              </a:ext>
            </a:extLst>
          </p:cNvPr>
          <p:cNvGrpSpPr/>
          <p:nvPr/>
        </p:nvGrpSpPr>
        <p:grpSpPr>
          <a:xfrm>
            <a:off x="1415675" y="809653"/>
            <a:ext cx="818044" cy="5210208"/>
            <a:chOff x="-1302035" y="2855562"/>
            <a:chExt cx="818044" cy="5749198"/>
          </a:xfrm>
        </p:grpSpPr>
        <p:cxnSp>
          <p:nvCxnSpPr>
            <p:cNvPr id="69" name="Straight Connector 68">
              <a:extLst>
                <a:ext uri="{FF2B5EF4-FFF2-40B4-BE49-F238E27FC236}">
                  <a16:creationId xmlns:a16="http://schemas.microsoft.com/office/drawing/2014/main" id="{B508B05B-E267-98A6-7840-190D739C0015}"/>
                </a:ext>
              </a:extLst>
            </p:cNvPr>
            <p:cNvCxnSpPr>
              <a:cxnSpLocks/>
            </p:cNvCxnSpPr>
            <p:nvPr/>
          </p:nvCxnSpPr>
          <p:spPr>
            <a:xfrm>
              <a:off x="-893014" y="3429000"/>
              <a:ext cx="0" cy="5175760"/>
            </a:xfrm>
            <a:prstGeom prst="line">
              <a:avLst/>
            </a:prstGeom>
            <a:noFill/>
            <a:ln w="19050" cap="flat" cmpd="sng" algn="ctr">
              <a:solidFill>
                <a:srgbClr val="156082"/>
              </a:solidFill>
              <a:prstDash val="solid"/>
              <a:miter lim="800000"/>
            </a:ln>
            <a:effectLst/>
          </p:spPr>
        </p:cxnSp>
        <p:sp>
          <p:nvSpPr>
            <p:cNvPr id="70" name="TextBox 69">
              <a:extLst>
                <a:ext uri="{FF2B5EF4-FFF2-40B4-BE49-F238E27FC236}">
                  <a16:creationId xmlns:a16="http://schemas.microsoft.com/office/drawing/2014/main" id="{61AC0943-7D5B-1687-BEA4-49E8A227B149}"/>
                </a:ext>
              </a:extLst>
            </p:cNvPr>
            <p:cNvSpPr txBox="1"/>
            <p:nvPr/>
          </p:nvSpPr>
          <p:spPr>
            <a:xfrm>
              <a:off x="-1302035" y="2855562"/>
              <a:ext cx="818044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January </a:t>
              </a:r>
            </a:p>
            <a:p>
              <a:pPr algn="ctr"/>
              <a:r>
                <a:rPr lang="en-CA" sz="1400">
                  <a:solidFill>
                    <a:prstClr val="black"/>
                  </a:solidFill>
                  <a:latin typeface="Aptos" panose="02110004020202020204"/>
                </a:rPr>
                <a:t>2024</a:t>
              </a:r>
            </a:p>
          </p:txBody>
        </p:sp>
      </p:grpSp>
      <p:sp>
        <p:nvSpPr>
          <p:cNvPr id="72" name="Chevron 71">
            <a:extLst>
              <a:ext uri="{FF2B5EF4-FFF2-40B4-BE49-F238E27FC236}">
                <a16:creationId xmlns:a16="http://schemas.microsoft.com/office/drawing/2014/main" id="{B0A0E0C2-CD9F-287F-2B11-7AFC2DB9BC75}"/>
              </a:ext>
            </a:extLst>
          </p:cNvPr>
          <p:cNvSpPr/>
          <p:nvPr/>
        </p:nvSpPr>
        <p:spPr>
          <a:xfrm>
            <a:off x="6212113" y="3824905"/>
            <a:ext cx="2701311" cy="792000"/>
          </a:xfrm>
          <a:prstGeom prst="chevron">
            <a:avLst/>
          </a:prstGeom>
          <a:solidFill>
            <a:srgbClr val="156082">
              <a:hueOff val="0"/>
              <a:satOff val="0"/>
              <a:lumOff val="0"/>
              <a:alphaOff val="0"/>
            </a:srgbClr>
          </a:solidFill>
          <a:ln w="1905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txBody>
          <a:bodyPr anchor="ctr"/>
          <a:lstStyle/>
          <a:p>
            <a:pPr marL="0" marR="0" lvl="0" indent="0" algn="ctr" defTabSz="80010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APTW Module Manufacture, Assembly, </a:t>
            </a:r>
            <a:b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</a:b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Offline Testing</a:t>
            </a:r>
          </a:p>
        </p:txBody>
      </p:sp>
      <p:sp>
        <p:nvSpPr>
          <p:cNvPr id="73" name="Chevron 72">
            <a:extLst>
              <a:ext uri="{FF2B5EF4-FFF2-40B4-BE49-F238E27FC236}">
                <a16:creationId xmlns:a16="http://schemas.microsoft.com/office/drawing/2014/main" id="{A703FF51-014B-D982-9062-46EFF19021FF}"/>
              </a:ext>
            </a:extLst>
          </p:cNvPr>
          <p:cNvSpPr/>
          <p:nvPr/>
        </p:nvSpPr>
        <p:spPr>
          <a:xfrm>
            <a:off x="8821013" y="3824905"/>
            <a:ext cx="1979021" cy="792000"/>
          </a:xfrm>
          <a:prstGeom prst="chevron">
            <a:avLst/>
          </a:prstGeom>
          <a:solidFill>
            <a:srgbClr val="156082">
              <a:hueOff val="0"/>
              <a:satOff val="0"/>
              <a:lumOff val="0"/>
              <a:alphaOff val="0"/>
            </a:srgbClr>
          </a:solidFill>
          <a:ln w="1905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txBody>
          <a:bodyPr anchor="ctr"/>
          <a:lstStyle/>
          <a:p>
            <a:pPr marL="0" marR="0" lvl="0" indent="0" algn="ctr" defTabSz="80010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APTW Module Installation &amp; Integration</a:t>
            </a:r>
          </a:p>
        </p:txBody>
      </p:sp>
      <p:sp>
        <p:nvSpPr>
          <p:cNvPr id="74" name="Chevron 73">
            <a:extLst>
              <a:ext uri="{FF2B5EF4-FFF2-40B4-BE49-F238E27FC236}">
                <a16:creationId xmlns:a16="http://schemas.microsoft.com/office/drawing/2014/main" id="{B35A870F-5A03-0BD4-4B58-D5C8EEDC35A1}"/>
              </a:ext>
            </a:extLst>
          </p:cNvPr>
          <p:cNvSpPr/>
          <p:nvPr/>
        </p:nvSpPr>
        <p:spPr>
          <a:xfrm>
            <a:off x="10417872" y="3832258"/>
            <a:ext cx="1684670" cy="792000"/>
          </a:xfrm>
          <a:prstGeom prst="chevron">
            <a:avLst/>
          </a:prstGeom>
          <a:solidFill>
            <a:srgbClr val="156082">
              <a:hueOff val="0"/>
              <a:satOff val="0"/>
              <a:lumOff val="0"/>
              <a:alphaOff val="0"/>
            </a:srgbClr>
          </a:solidFill>
          <a:ln w="1905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txBody>
          <a:bodyPr anchor="ctr"/>
          <a:lstStyle/>
          <a:p>
            <a:pPr marL="0" marR="0" lvl="0" indent="0" algn="ctr" defTabSz="80010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APTW </a:t>
            </a:r>
            <a:r>
              <a:rPr kumimoji="0" lang="en-CA" sz="1400" b="0" i="0" u="none" strike="noStrike" kern="0" cap="none" spc="0" normalizeH="0" baseline="0" noProof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Commis</a:t>
            </a: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- sioning</a:t>
            </a:r>
          </a:p>
        </p:txBody>
      </p:sp>
      <p:sp>
        <p:nvSpPr>
          <p:cNvPr id="75" name="Chevron 74">
            <a:extLst>
              <a:ext uri="{FF2B5EF4-FFF2-40B4-BE49-F238E27FC236}">
                <a16:creationId xmlns:a16="http://schemas.microsoft.com/office/drawing/2014/main" id="{4E4FD536-B86E-4089-8C84-CB05EEEF5D9A}"/>
              </a:ext>
            </a:extLst>
          </p:cNvPr>
          <p:cNvSpPr/>
          <p:nvPr/>
        </p:nvSpPr>
        <p:spPr>
          <a:xfrm>
            <a:off x="1087664" y="2966733"/>
            <a:ext cx="4819606" cy="792000"/>
          </a:xfrm>
          <a:prstGeom prst="chevron">
            <a:avLst/>
          </a:prstGeom>
          <a:solidFill>
            <a:srgbClr val="156082">
              <a:hueOff val="0"/>
              <a:satOff val="0"/>
              <a:lumOff val="0"/>
              <a:alphaOff val="0"/>
            </a:srgbClr>
          </a:solidFill>
          <a:ln w="1905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txBody>
          <a:bodyPr anchor="ctr"/>
          <a:lstStyle/>
          <a:p>
            <a:pPr marL="0" marR="0" lvl="0" indent="0" algn="ctr" defTabSz="80010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AETE Module Manufacture, Assembly, </a:t>
            </a:r>
            <a:b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</a:b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Offline Testing</a:t>
            </a:r>
          </a:p>
        </p:txBody>
      </p:sp>
      <p:sp>
        <p:nvSpPr>
          <p:cNvPr id="79" name="Chevron 78">
            <a:extLst>
              <a:ext uri="{FF2B5EF4-FFF2-40B4-BE49-F238E27FC236}">
                <a16:creationId xmlns:a16="http://schemas.microsoft.com/office/drawing/2014/main" id="{AAE05F62-99C0-0B1F-75AD-D55B61ED9623}"/>
              </a:ext>
            </a:extLst>
          </p:cNvPr>
          <p:cNvSpPr/>
          <p:nvPr/>
        </p:nvSpPr>
        <p:spPr>
          <a:xfrm>
            <a:off x="6393720" y="2969943"/>
            <a:ext cx="2170081" cy="792000"/>
          </a:xfrm>
          <a:prstGeom prst="chevron">
            <a:avLst/>
          </a:prstGeom>
          <a:solidFill>
            <a:srgbClr val="156082">
              <a:hueOff val="0"/>
              <a:satOff val="0"/>
              <a:lumOff val="0"/>
              <a:alphaOff val="0"/>
            </a:srgbClr>
          </a:solidFill>
          <a:ln w="1905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txBody>
          <a:bodyPr anchor="ctr"/>
          <a:lstStyle/>
          <a:p>
            <a:pPr marL="0" marR="0" lvl="0" indent="0" algn="ctr" defTabSz="80010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AETE Module Installation &amp; Integration</a:t>
            </a:r>
          </a:p>
        </p:txBody>
      </p:sp>
      <p:sp>
        <p:nvSpPr>
          <p:cNvPr id="80" name="Chevron 79">
            <a:extLst>
              <a:ext uri="{FF2B5EF4-FFF2-40B4-BE49-F238E27FC236}">
                <a16:creationId xmlns:a16="http://schemas.microsoft.com/office/drawing/2014/main" id="{5099B395-58A5-A5A0-2D4B-E1E482BDCD9E}"/>
              </a:ext>
            </a:extLst>
          </p:cNvPr>
          <p:cNvSpPr/>
          <p:nvPr/>
        </p:nvSpPr>
        <p:spPr>
          <a:xfrm>
            <a:off x="8166209" y="2969943"/>
            <a:ext cx="2109109" cy="792000"/>
          </a:xfrm>
          <a:prstGeom prst="chevron">
            <a:avLst/>
          </a:prstGeom>
          <a:solidFill>
            <a:srgbClr val="156082">
              <a:hueOff val="0"/>
              <a:satOff val="0"/>
              <a:lumOff val="0"/>
              <a:alphaOff val="0"/>
            </a:srgbClr>
          </a:solidFill>
          <a:ln w="1905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txBody>
          <a:bodyPr anchor="ctr"/>
          <a:lstStyle/>
          <a:p>
            <a:pPr marL="0" marR="0" lvl="0" indent="0" algn="ctr" defTabSz="80010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AETE Commis-sioning</a:t>
            </a:r>
          </a:p>
        </p:txBody>
      </p:sp>
      <p:sp>
        <p:nvSpPr>
          <p:cNvPr id="71" name="Chevron 70">
            <a:extLst>
              <a:ext uri="{FF2B5EF4-FFF2-40B4-BE49-F238E27FC236}">
                <a16:creationId xmlns:a16="http://schemas.microsoft.com/office/drawing/2014/main" id="{8926BEBB-FC3C-76F9-DE05-728545F9FA22}"/>
              </a:ext>
            </a:extLst>
          </p:cNvPr>
          <p:cNvSpPr/>
          <p:nvPr/>
        </p:nvSpPr>
        <p:spPr>
          <a:xfrm>
            <a:off x="1087664" y="1507653"/>
            <a:ext cx="4331557" cy="792000"/>
          </a:xfrm>
          <a:prstGeom prst="chevron">
            <a:avLst/>
          </a:prstGeom>
          <a:solidFill>
            <a:srgbClr val="156082">
              <a:hueOff val="0"/>
              <a:satOff val="0"/>
              <a:lumOff val="0"/>
              <a:alphaOff val="0"/>
            </a:srgbClr>
          </a:solidFill>
          <a:ln w="1905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txBody>
          <a:bodyPr anchor="ctr"/>
          <a:lstStyle/>
          <a:p>
            <a:pPr marL="0" marR="0" lvl="0" indent="0" algn="ctr" defTabSz="80010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Shielding Construction</a:t>
            </a:r>
          </a:p>
        </p:txBody>
      </p:sp>
      <p:sp>
        <p:nvSpPr>
          <p:cNvPr id="81" name="Chevron 80">
            <a:extLst>
              <a:ext uri="{FF2B5EF4-FFF2-40B4-BE49-F238E27FC236}">
                <a16:creationId xmlns:a16="http://schemas.microsoft.com/office/drawing/2014/main" id="{1896ED43-C0E0-3AD6-87EA-D6CD74FC8043}"/>
              </a:ext>
            </a:extLst>
          </p:cNvPr>
          <p:cNvSpPr/>
          <p:nvPr/>
        </p:nvSpPr>
        <p:spPr>
          <a:xfrm>
            <a:off x="5047055" y="1507653"/>
            <a:ext cx="1870490" cy="792000"/>
          </a:xfrm>
          <a:prstGeom prst="chevron">
            <a:avLst/>
          </a:prstGeom>
          <a:solidFill>
            <a:srgbClr val="156082">
              <a:hueOff val="0"/>
              <a:satOff val="0"/>
              <a:lumOff val="0"/>
              <a:alphaOff val="0"/>
            </a:srgbClr>
          </a:solidFill>
          <a:ln w="1905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txBody>
          <a:bodyPr anchor="ctr"/>
          <a:lstStyle/>
          <a:p>
            <a:pPr marL="0" marR="0" lvl="0" indent="0" algn="ctr" defTabSz="80010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Services Install</a:t>
            </a:r>
          </a:p>
        </p:txBody>
      </p:sp>
      <p:sp>
        <p:nvSpPr>
          <p:cNvPr id="82" name="Chevron 81">
            <a:extLst>
              <a:ext uri="{FF2B5EF4-FFF2-40B4-BE49-F238E27FC236}">
                <a16:creationId xmlns:a16="http://schemas.microsoft.com/office/drawing/2014/main" id="{E9B7DFBF-AA0F-AB42-DF28-BD0F191ECA9A}"/>
              </a:ext>
            </a:extLst>
          </p:cNvPr>
          <p:cNvSpPr/>
          <p:nvPr/>
        </p:nvSpPr>
        <p:spPr>
          <a:xfrm>
            <a:off x="1087663" y="5227861"/>
            <a:ext cx="4819606" cy="792000"/>
          </a:xfrm>
          <a:prstGeom prst="chevron">
            <a:avLst/>
          </a:prstGeom>
          <a:solidFill>
            <a:srgbClr val="156082">
              <a:hueOff val="0"/>
              <a:satOff val="0"/>
              <a:lumOff val="0"/>
              <a:alphaOff val="0"/>
            </a:srgbClr>
          </a:solidFill>
          <a:ln w="1905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txBody>
          <a:bodyPr anchor="ctr"/>
          <a:lstStyle/>
          <a:p>
            <a:pPr marL="0" marR="0" lvl="0" indent="0" algn="ctr" defTabSz="80010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AETE and APTW Module Manufacture, Assembly, </a:t>
            </a:r>
            <a:b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</a:b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Offline Testing</a:t>
            </a:r>
          </a:p>
        </p:txBody>
      </p:sp>
      <p:sp>
        <p:nvSpPr>
          <p:cNvPr id="83" name="Chevron 82">
            <a:extLst>
              <a:ext uri="{FF2B5EF4-FFF2-40B4-BE49-F238E27FC236}">
                <a16:creationId xmlns:a16="http://schemas.microsoft.com/office/drawing/2014/main" id="{F2A29380-9494-F3A4-AE5F-5BE48972753D}"/>
              </a:ext>
            </a:extLst>
          </p:cNvPr>
          <p:cNvSpPr/>
          <p:nvPr/>
        </p:nvSpPr>
        <p:spPr>
          <a:xfrm>
            <a:off x="5525570" y="5227861"/>
            <a:ext cx="3006148" cy="792000"/>
          </a:xfrm>
          <a:prstGeom prst="chevron">
            <a:avLst/>
          </a:prstGeom>
          <a:solidFill>
            <a:srgbClr val="156082">
              <a:hueOff val="0"/>
              <a:satOff val="0"/>
              <a:lumOff val="0"/>
              <a:alphaOff val="0"/>
            </a:srgbClr>
          </a:solidFill>
          <a:ln w="1905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txBody>
          <a:bodyPr anchor="ctr"/>
          <a:lstStyle/>
          <a:p>
            <a:pPr marL="0" marR="0" lvl="0" indent="0" algn="ctr" defTabSz="80010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AETE and APTW  Module Installation &amp; Integration</a:t>
            </a:r>
          </a:p>
        </p:txBody>
      </p:sp>
      <p:sp>
        <p:nvSpPr>
          <p:cNvPr id="84" name="Chevron 83">
            <a:extLst>
              <a:ext uri="{FF2B5EF4-FFF2-40B4-BE49-F238E27FC236}">
                <a16:creationId xmlns:a16="http://schemas.microsoft.com/office/drawing/2014/main" id="{3B967907-29CC-DCAE-7EB5-A6E2457D9424}"/>
              </a:ext>
            </a:extLst>
          </p:cNvPr>
          <p:cNvSpPr/>
          <p:nvPr/>
        </p:nvSpPr>
        <p:spPr>
          <a:xfrm>
            <a:off x="8166208" y="5227861"/>
            <a:ext cx="1962967" cy="792000"/>
          </a:xfrm>
          <a:prstGeom prst="chevron">
            <a:avLst/>
          </a:prstGeom>
          <a:solidFill>
            <a:srgbClr val="156082">
              <a:hueOff val="0"/>
              <a:satOff val="0"/>
              <a:lumOff val="0"/>
              <a:alphaOff val="0"/>
            </a:srgbClr>
          </a:solidFill>
          <a:ln w="1905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txBody>
          <a:bodyPr anchor="ctr"/>
          <a:lstStyle/>
          <a:p>
            <a:pPr marL="0" marR="0" lvl="0" indent="0" algn="ctr" defTabSz="80010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ClrTx/>
              <a:buSzTx/>
              <a:buFontTx/>
              <a:buNone/>
              <a:tabLst/>
              <a:defRPr/>
            </a:pPr>
            <a:r>
              <a:rPr kumimoji="0" lang="en-CA" sz="14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AETE and APTW Commissioning</a:t>
            </a:r>
          </a:p>
        </p:txBody>
      </p:sp>
      <p:sp>
        <p:nvSpPr>
          <p:cNvPr id="85" name="Title 3">
            <a:extLst>
              <a:ext uri="{FF2B5EF4-FFF2-40B4-BE49-F238E27FC236}">
                <a16:creationId xmlns:a16="http://schemas.microsoft.com/office/drawing/2014/main" id="{E536B3F3-8359-9EFB-8BB6-E94BBBF5899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094806" y="204095"/>
            <a:ext cx="9577143" cy="350306"/>
          </a:xfrm>
        </p:spPr>
        <p:txBody>
          <a:bodyPr/>
          <a:lstStyle/>
          <a:p>
            <a:r>
              <a:rPr lang="en-CA"/>
              <a:t>Programme Acceleration Opportunity</a:t>
            </a:r>
          </a:p>
        </p:txBody>
      </p:sp>
      <p:sp>
        <p:nvSpPr>
          <p:cNvPr id="86" name="TextBox 85">
            <a:extLst>
              <a:ext uri="{FF2B5EF4-FFF2-40B4-BE49-F238E27FC236}">
                <a16:creationId xmlns:a16="http://schemas.microsoft.com/office/drawing/2014/main" id="{EB142DEB-0A0D-9229-D036-29441E10AABE}"/>
              </a:ext>
            </a:extLst>
          </p:cNvPr>
          <p:cNvSpPr txBox="1"/>
          <p:nvPr/>
        </p:nvSpPr>
        <p:spPr>
          <a:xfrm>
            <a:off x="69927" y="1718987"/>
            <a:ext cx="105670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b="1"/>
              <a:t>Shielding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9B1192FF-62B4-71BC-0ABB-7E9505270351}"/>
              </a:ext>
            </a:extLst>
          </p:cNvPr>
          <p:cNvSpPr txBox="1"/>
          <p:nvPr/>
        </p:nvSpPr>
        <p:spPr>
          <a:xfrm>
            <a:off x="69927" y="3039567"/>
            <a:ext cx="90935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b="1"/>
              <a:t>Current AETE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817444C0-3993-F5BD-B1BE-E76023E0C47D}"/>
              </a:ext>
            </a:extLst>
          </p:cNvPr>
          <p:cNvSpPr txBox="1"/>
          <p:nvPr/>
        </p:nvSpPr>
        <p:spPr>
          <a:xfrm>
            <a:off x="69927" y="3905021"/>
            <a:ext cx="90935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b="1"/>
              <a:t>Current APTW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5AD30DCA-520B-B846-C967-50F88AF97A22}"/>
              </a:ext>
            </a:extLst>
          </p:cNvPr>
          <p:cNvSpPr txBox="1"/>
          <p:nvPr/>
        </p:nvSpPr>
        <p:spPr>
          <a:xfrm>
            <a:off x="69927" y="5448285"/>
            <a:ext cx="134574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b="1"/>
              <a:t>Accelerated</a:t>
            </a:r>
          </a:p>
        </p:txBody>
      </p:sp>
      <p:sp>
        <p:nvSpPr>
          <p:cNvPr id="5" name="Diamond 4">
            <a:extLst>
              <a:ext uri="{FF2B5EF4-FFF2-40B4-BE49-F238E27FC236}">
                <a16:creationId xmlns:a16="http://schemas.microsoft.com/office/drawing/2014/main" id="{90132A16-BE5C-F65B-D11E-A89701B7F248}"/>
              </a:ext>
            </a:extLst>
          </p:cNvPr>
          <p:cNvSpPr/>
          <p:nvPr/>
        </p:nvSpPr>
        <p:spPr>
          <a:xfrm>
            <a:off x="8381873" y="2824167"/>
            <a:ext cx="208589" cy="288949"/>
          </a:xfrm>
          <a:prstGeom prst="diamond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B69B392-E0C8-7F13-794F-5B6767EB4DAE}"/>
              </a:ext>
            </a:extLst>
          </p:cNvPr>
          <p:cNvSpPr txBox="1"/>
          <p:nvPr/>
        </p:nvSpPr>
        <p:spPr>
          <a:xfrm>
            <a:off x="8034979" y="2528623"/>
            <a:ext cx="112068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CA" sz="1400"/>
              <a:t>AETE first beam</a:t>
            </a:r>
          </a:p>
        </p:txBody>
      </p:sp>
      <p:sp>
        <p:nvSpPr>
          <p:cNvPr id="7" name="Diamond 6">
            <a:extLst>
              <a:ext uri="{FF2B5EF4-FFF2-40B4-BE49-F238E27FC236}">
                <a16:creationId xmlns:a16="http://schemas.microsoft.com/office/drawing/2014/main" id="{53F6A0C1-E525-F8F5-816F-5D24C1DC0407}"/>
              </a:ext>
            </a:extLst>
          </p:cNvPr>
          <p:cNvSpPr/>
          <p:nvPr/>
        </p:nvSpPr>
        <p:spPr>
          <a:xfrm>
            <a:off x="10790364" y="4479574"/>
            <a:ext cx="208589" cy="288949"/>
          </a:xfrm>
          <a:prstGeom prst="diamond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43D36746-CEF0-7448-3336-0EEC2E1B5F9E}"/>
              </a:ext>
            </a:extLst>
          </p:cNvPr>
          <p:cNvSpPr txBox="1"/>
          <p:nvPr/>
        </p:nvSpPr>
        <p:spPr>
          <a:xfrm>
            <a:off x="10467526" y="4576538"/>
            <a:ext cx="112068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CA" sz="1400"/>
              <a:t>APTW</a:t>
            </a:r>
            <a:br>
              <a:rPr lang="en-CA" sz="1400"/>
            </a:br>
            <a:r>
              <a:rPr lang="en-CA" sz="1400"/>
              <a:t>first beam</a:t>
            </a:r>
          </a:p>
        </p:txBody>
      </p:sp>
      <p:sp>
        <p:nvSpPr>
          <p:cNvPr id="9" name="Diamond 8">
            <a:extLst>
              <a:ext uri="{FF2B5EF4-FFF2-40B4-BE49-F238E27FC236}">
                <a16:creationId xmlns:a16="http://schemas.microsoft.com/office/drawing/2014/main" id="{CF0F7160-9AB5-B22B-68A0-2D6926D3D46D}"/>
              </a:ext>
            </a:extLst>
          </p:cNvPr>
          <p:cNvSpPr/>
          <p:nvPr/>
        </p:nvSpPr>
        <p:spPr>
          <a:xfrm>
            <a:off x="8381873" y="5885427"/>
            <a:ext cx="208589" cy="288949"/>
          </a:xfrm>
          <a:prstGeom prst="diamond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D8E1D0C8-7814-A304-7D96-80D88BAC1BD6}"/>
              </a:ext>
            </a:extLst>
          </p:cNvPr>
          <p:cNvSpPr txBox="1"/>
          <p:nvPr/>
        </p:nvSpPr>
        <p:spPr>
          <a:xfrm>
            <a:off x="8587135" y="6028878"/>
            <a:ext cx="139924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sz="1400"/>
              <a:t>AETE and APTW first beam</a:t>
            </a:r>
          </a:p>
        </p:txBody>
      </p:sp>
    </p:spTree>
    <p:extLst>
      <p:ext uri="{BB962C8B-B14F-4D97-AF65-F5344CB8AC3E}">
        <p14:creationId xmlns:p14="http://schemas.microsoft.com/office/powerpoint/2010/main" val="12461298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2" grpId="0" animBg="1"/>
      <p:bldP spid="83" grpId="0" animBg="1"/>
      <p:bldP spid="84" grpId="0" animBg="1"/>
      <p:bldP spid="4" grpId="0"/>
      <p:bldP spid="9" grpId="0" animBg="1"/>
      <p:bldP spid="10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22FE52-CFD9-60E5-502C-74CC5103FF7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A" dirty="0"/>
              <a:t>Resource Requirement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22AE7F6-030B-F21A-BCB3-2077A5622E56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523261" y="699739"/>
            <a:ext cx="11145476" cy="3567643"/>
          </a:xfrm>
        </p:spPr>
        <p:txBody>
          <a:bodyPr/>
          <a:lstStyle/>
          <a:p>
            <a:r>
              <a:rPr lang="en-CA" dirty="0"/>
              <a:t>The sequencing of AETE and APTW installation is a result of resource leveling, not technical limitation</a:t>
            </a:r>
          </a:p>
          <a:p>
            <a:r>
              <a:rPr lang="en-CA" dirty="0"/>
              <a:t>To execute the accelerated option, a total of 36 FTE years need to be pulled forward and put in parallel with existing ARIEL resources. </a:t>
            </a:r>
          </a:p>
          <a:p>
            <a:r>
              <a:rPr lang="en-CA" dirty="0"/>
              <a:t>Required additional resource profile:</a:t>
            </a:r>
          </a:p>
          <a:p>
            <a:pPr lvl="1"/>
            <a:r>
              <a:rPr lang="en-CA" dirty="0"/>
              <a:t>4/36 additional FTE years in 2025 to support the preparation of the focussed installation</a:t>
            </a:r>
          </a:p>
          <a:p>
            <a:pPr lvl="1"/>
            <a:r>
              <a:rPr lang="en-CA" dirty="0"/>
              <a:t>29/36 additional FTE years in 2026. </a:t>
            </a:r>
          </a:p>
          <a:p>
            <a:pPr lvl="1"/>
            <a:r>
              <a:rPr lang="en-CA" dirty="0"/>
              <a:t>3/36 additional FTE years in 2027 to support parallel commissioning activities. </a:t>
            </a:r>
          </a:p>
          <a:p>
            <a:r>
              <a:rPr lang="en-CA" dirty="0"/>
              <a:t>About 87 FTE reported for online operation – head count seems ok</a:t>
            </a:r>
          </a:p>
          <a:p>
            <a:r>
              <a:rPr lang="en-CA" dirty="0"/>
              <a:t>Major critical contributions to additional required FTE in 2026 identified and critical group leaders being consulted to match</a:t>
            </a:r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77E22C52-5809-EAFB-8795-6947794E10B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699049731"/>
              </p:ext>
            </p:extLst>
          </p:nvPr>
        </p:nvGraphicFramePr>
        <p:xfrm>
          <a:off x="2990937" y="4154648"/>
          <a:ext cx="6757162" cy="21945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984502">
                  <a:extLst>
                    <a:ext uri="{9D8B030D-6E8A-4147-A177-3AD203B41FA5}">
                      <a16:colId xmlns:a16="http://schemas.microsoft.com/office/drawing/2014/main" val="3941364080"/>
                    </a:ext>
                  </a:extLst>
                </a:gridCol>
                <a:gridCol w="1960626">
                  <a:extLst>
                    <a:ext uri="{9D8B030D-6E8A-4147-A177-3AD203B41FA5}">
                      <a16:colId xmlns:a16="http://schemas.microsoft.com/office/drawing/2014/main" val="1303043234"/>
                    </a:ext>
                  </a:extLst>
                </a:gridCol>
                <a:gridCol w="2812034">
                  <a:extLst>
                    <a:ext uri="{9D8B030D-6E8A-4147-A177-3AD203B41FA5}">
                      <a16:colId xmlns:a16="http://schemas.microsoft.com/office/drawing/2014/main" val="2702104571"/>
                    </a:ext>
                  </a:extLst>
                </a:gridCol>
              </a:tblGrid>
              <a:tr h="273600">
                <a:tc>
                  <a:txBody>
                    <a:bodyPr/>
                    <a:lstStyle/>
                    <a:p>
                      <a:r>
                        <a:rPr lang="en-CA" sz="1200" dirty="0"/>
                        <a:t>Skil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CA" sz="1200" dirty="0"/>
                        <a:t>Additional required in 202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CA" sz="1200" dirty="0"/>
                        <a:t>Potentially identified from critical group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87352057"/>
                  </a:ext>
                </a:extLst>
              </a:tr>
              <a:tr h="180000">
                <a:tc>
                  <a:txBody>
                    <a:bodyPr/>
                    <a:lstStyle/>
                    <a:p>
                      <a:r>
                        <a:rPr lang="en-CA" sz="1200" dirty="0" err="1"/>
                        <a:t>Technical.Mechanical</a:t>
                      </a:r>
                      <a:endParaRPr lang="en-CA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CA" sz="1200" dirty="0"/>
                        <a:t>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CA" sz="1200" dirty="0"/>
                        <a:t>8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53606883"/>
                  </a:ext>
                </a:extLst>
              </a:tr>
              <a:tr h="180000">
                <a:tc>
                  <a:txBody>
                    <a:bodyPr/>
                    <a:lstStyle/>
                    <a:p>
                      <a:r>
                        <a:rPr lang="en-CA" sz="1200" dirty="0" err="1"/>
                        <a:t>Engineering.Mechanical</a:t>
                      </a:r>
                      <a:endParaRPr lang="en-CA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CA" sz="1200" dirty="0"/>
                        <a:t>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CA" sz="1200" dirty="0"/>
                        <a:t>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6850787"/>
                  </a:ext>
                </a:extLst>
              </a:tr>
              <a:tr h="180000">
                <a:tc>
                  <a:txBody>
                    <a:bodyPr/>
                    <a:lstStyle/>
                    <a:p>
                      <a:r>
                        <a:rPr lang="en-CA" sz="1200" dirty="0" err="1"/>
                        <a:t>Physics.Accelerator</a:t>
                      </a:r>
                      <a:endParaRPr lang="en-CA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CA" sz="1200" dirty="0"/>
                        <a:t>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CA" sz="1200" dirty="0"/>
                        <a:t>7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3185421"/>
                  </a:ext>
                </a:extLst>
              </a:tr>
              <a:tr h="180000">
                <a:tc>
                  <a:txBody>
                    <a:bodyPr/>
                    <a:lstStyle/>
                    <a:p>
                      <a:r>
                        <a:rPr lang="en-CA" sz="1200" dirty="0" err="1"/>
                        <a:t>Engineering.Control</a:t>
                      </a:r>
                      <a:endParaRPr lang="en-CA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CA" sz="1200" dirty="0"/>
                        <a:t>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CA" sz="1200" dirty="0"/>
                        <a:t>5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79091879"/>
                  </a:ext>
                </a:extLst>
              </a:tr>
              <a:tr h="180000">
                <a:tc>
                  <a:txBody>
                    <a:bodyPr/>
                    <a:lstStyle/>
                    <a:p>
                      <a:r>
                        <a:rPr lang="en-CA" sz="1200" b="0" i="0" u="none" strike="noStrike" kern="1200" dirty="0" err="1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Engineering.Electrical</a:t>
                      </a:r>
                      <a:endParaRPr lang="en-CA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CA" sz="1200" dirty="0"/>
                        <a:t>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CA" sz="1200" dirty="0"/>
                        <a:t>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158572"/>
                  </a:ext>
                </a:extLst>
              </a:tr>
              <a:tr h="180000">
                <a:tc>
                  <a:txBody>
                    <a:bodyPr/>
                    <a:lstStyle/>
                    <a:p>
                      <a:r>
                        <a:rPr lang="en-CA" sz="1200" dirty="0" err="1"/>
                        <a:t>Technical.Electrical</a:t>
                      </a:r>
                      <a:endParaRPr lang="en-CA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CA" sz="1200" dirty="0"/>
                        <a:t>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CA" sz="1200" dirty="0"/>
                        <a:t>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41788502"/>
                  </a:ext>
                </a:extLst>
              </a:tr>
              <a:tr h="180000">
                <a:tc>
                  <a:txBody>
                    <a:bodyPr/>
                    <a:lstStyle/>
                    <a:p>
                      <a:r>
                        <a:rPr lang="en-CA" sz="1200" dirty="0" err="1"/>
                        <a:t>Technical.Mechanical</a:t>
                      </a:r>
                      <a:r>
                        <a:rPr lang="en-CA" sz="1200" dirty="0"/>
                        <a:t> Design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CA" sz="1200" dirty="0"/>
                        <a:t>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CA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9383783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12587613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56A10D-E0BE-F671-41A4-B8C76E8E5C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A" dirty="0"/>
              <a:t>Additional Requirement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4F79D02-49FC-AE9F-2FDB-2117FB3E18AE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526473" y="1029222"/>
            <a:ext cx="11145476" cy="5124480"/>
          </a:xfrm>
        </p:spPr>
        <p:txBody>
          <a:bodyPr/>
          <a:lstStyle/>
          <a:p>
            <a:pPr marL="0" indent="0">
              <a:buNone/>
            </a:pPr>
            <a:r>
              <a:rPr lang="en-CA" dirty="0"/>
              <a:t>To fully leverage the early completion and move into ramp-up, additional work is required:</a:t>
            </a:r>
          </a:p>
          <a:p>
            <a:r>
              <a:rPr lang="en-CA" dirty="0"/>
              <a:t>Realizing some of the previously deferred scope: </a:t>
            </a:r>
          </a:p>
          <a:p>
            <a:pPr lvl="1"/>
            <a:r>
              <a:rPr lang="en-CA" dirty="0"/>
              <a:t>E-linac upgrades</a:t>
            </a:r>
          </a:p>
          <a:p>
            <a:pPr lvl="1"/>
            <a:r>
              <a:rPr lang="en-CA" dirty="0"/>
              <a:t>ARIEL spent target storage vault</a:t>
            </a:r>
          </a:p>
          <a:p>
            <a:pPr lvl="1"/>
            <a:r>
              <a:rPr lang="en-CA" dirty="0"/>
              <a:t>Target conditioning station completion</a:t>
            </a:r>
          </a:p>
          <a:p>
            <a:pPr lvl="1"/>
            <a:r>
              <a:rPr lang="en-CA" dirty="0"/>
              <a:t>RIB target laboratories </a:t>
            </a:r>
          </a:p>
          <a:p>
            <a:pPr lvl="1"/>
            <a:r>
              <a:rPr lang="en-CA" dirty="0"/>
              <a:t>HV target infrastructure upgrade</a:t>
            </a:r>
          </a:p>
          <a:p>
            <a:pPr lvl="1"/>
            <a:r>
              <a:rPr lang="en-CA" dirty="0"/>
              <a:t>CANREB systems upgrade</a:t>
            </a:r>
          </a:p>
          <a:p>
            <a:r>
              <a:rPr lang="en-CA" dirty="0"/>
              <a:t>Front-loading ISAC target system refurbishment </a:t>
            </a:r>
          </a:p>
          <a:p>
            <a:r>
              <a:rPr lang="en-CA" dirty="0"/>
              <a:t>Front-loading TRILIS upgrades</a:t>
            </a:r>
          </a:p>
          <a:p>
            <a:r>
              <a:rPr lang="en-CA" dirty="0"/>
              <a:t>Front-loading of licensing activities</a:t>
            </a:r>
          </a:p>
          <a:p>
            <a:endParaRPr lang="en-CA" dirty="0"/>
          </a:p>
          <a:p>
            <a:pPr marL="0" indent="0">
              <a:buNone/>
            </a:pPr>
            <a:r>
              <a:rPr lang="en-CA" dirty="0"/>
              <a:t>The above activities (except licensing) have been budgeted and capacity matched in Accelerator Division Initiatives Priority 1 list for 2025-30.</a:t>
            </a:r>
          </a:p>
        </p:txBody>
      </p:sp>
    </p:spTree>
    <p:extLst>
      <p:ext uri="{BB962C8B-B14F-4D97-AF65-F5344CB8AC3E}">
        <p14:creationId xmlns:p14="http://schemas.microsoft.com/office/powerpoint/2010/main" val="112441712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22F17605-C73D-83AD-D006-389914E3FFA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04384" y="-2029217"/>
            <a:ext cx="12400767" cy="9307419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9CE1803D-C60C-1F7B-A836-0E61F809273E}"/>
              </a:ext>
            </a:extLst>
          </p:cNvPr>
          <p:cNvSpPr txBox="1"/>
          <p:nvPr/>
        </p:nvSpPr>
        <p:spPr>
          <a:xfrm>
            <a:off x="2634641" y="3121223"/>
            <a:ext cx="6922718" cy="615553"/>
          </a:xfrm>
          <a:prstGeom prst="rect">
            <a:avLst/>
          </a:prstGeom>
          <a:solidFill>
            <a:schemeClr val="bg1">
              <a:alpha val="58426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4000" b="1" dirty="0">
                <a:ln>
                  <a:solidFill>
                    <a:schemeClr val="tx1"/>
                  </a:solidFill>
                </a:ln>
                <a:solidFill>
                  <a:srgbClr val="00B0F0"/>
                </a:solidFill>
              </a:rPr>
              <a:t>Radioisotope Beam Projections</a:t>
            </a:r>
          </a:p>
        </p:txBody>
      </p:sp>
    </p:spTree>
    <p:extLst>
      <p:ext uri="{BB962C8B-B14F-4D97-AF65-F5344CB8AC3E}">
        <p14:creationId xmlns:p14="http://schemas.microsoft.com/office/powerpoint/2010/main" val="307838370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E4957D2-3927-EA7E-DFEB-3C649E64562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A" dirty="0"/>
              <a:t>Baseline – ISAC Continues in Current Mode of Operation</a:t>
            </a:r>
          </a:p>
        </p:txBody>
      </p:sp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79B0F98B-E0C9-094E-9BEA-56BFCFBEAF49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557676676"/>
              </p:ext>
            </p:extLst>
          </p:nvPr>
        </p:nvGraphicFramePr>
        <p:xfrm>
          <a:off x="498520" y="710574"/>
          <a:ext cx="7676442" cy="570779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pSp>
        <p:nvGrpSpPr>
          <p:cNvPr id="8" name="Group 7">
            <a:extLst>
              <a:ext uri="{FF2B5EF4-FFF2-40B4-BE49-F238E27FC236}">
                <a16:creationId xmlns:a16="http://schemas.microsoft.com/office/drawing/2014/main" id="{C8E8C4EB-8AFE-0D96-0C9A-197241678F7E}"/>
              </a:ext>
            </a:extLst>
          </p:cNvPr>
          <p:cNvGrpSpPr/>
          <p:nvPr/>
        </p:nvGrpSpPr>
        <p:grpSpPr>
          <a:xfrm>
            <a:off x="979420" y="1488159"/>
            <a:ext cx="3445179" cy="878859"/>
            <a:chOff x="283577" y="926802"/>
            <a:chExt cx="3445179" cy="878859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1DB55A7B-FE52-E3D2-60DC-044889505FA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r="67445" b="86628"/>
            <a:stretch/>
          </p:blipFill>
          <p:spPr>
            <a:xfrm>
              <a:off x="283577" y="926802"/>
              <a:ext cx="2497202" cy="764212"/>
            </a:xfrm>
            <a:prstGeom prst="rect">
              <a:avLst/>
            </a:prstGeom>
          </p:spPr>
        </p:pic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75C61BD4-B35E-B4DB-42CB-7C333131E7A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t="13372" r="67445" b="73696"/>
            <a:stretch/>
          </p:blipFill>
          <p:spPr>
            <a:xfrm>
              <a:off x="1231554" y="1066625"/>
              <a:ext cx="2497202" cy="739036"/>
            </a:xfrm>
            <a:prstGeom prst="rect">
              <a:avLst/>
            </a:prstGeom>
          </p:spPr>
        </p:pic>
      </p:grp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AC28D15D-3A30-18EC-5946-576C95476492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8334266" y="836467"/>
            <a:ext cx="3515356" cy="5605637"/>
          </a:xfrm>
        </p:spPr>
        <p:txBody>
          <a:bodyPr/>
          <a:lstStyle/>
          <a:p>
            <a:pPr marL="0" indent="0">
              <a:buNone/>
            </a:pPr>
            <a:r>
              <a:rPr lang="en-CA" sz="1800" b="1" dirty="0"/>
              <a:t>Comments:</a:t>
            </a:r>
          </a:p>
          <a:p>
            <a:r>
              <a:rPr lang="en-CA" sz="1800" dirty="0"/>
              <a:t>Scenario 1 – as articulated to government</a:t>
            </a:r>
          </a:p>
          <a:p>
            <a:pPr lvl="1"/>
            <a:r>
              <a:rPr lang="en-CA" sz="1800" dirty="0"/>
              <a:t>ARIEL completion slows down</a:t>
            </a:r>
          </a:p>
          <a:p>
            <a:pPr lvl="1"/>
            <a:r>
              <a:rPr lang="en-CA" sz="1800" dirty="0"/>
              <a:t>No ARIEL operation within 5YP</a:t>
            </a:r>
          </a:p>
          <a:p>
            <a:r>
              <a:rPr lang="en-CA" sz="1800" dirty="0"/>
              <a:t>ISAC continues to operate from June to December, generating about 3200 RIB hours per year available to experiments </a:t>
            </a:r>
          </a:p>
          <a:p>
            <a:endParaRPr lang="en-CA" sz="1800" dirty="0"/>
          </a:p>
          <a:p>
            <a:pPr marL="0" indent="0">
              <a:buNone/>
            </a:pPr>
            <a:r>
              <a:rPr lang="en-CA" sz="1800" b="1" dirty="0"/>
              <a:t>Impact:</a:t>
            </a:r>
          </a:p>
          <a:p>
            <a:r>
              <a:rPr lang="en-CA" sz="1800" dirty="0"/>
              <a:t>Shutdown overhead same as when operating full 8 months. </a:t>
            </a:r>
          </a:p>
          <a:p>
            <a:r>
              <a:rPr lang="en-CA" sz="1800" dirty="0"/>
              <a:t>Resource competition with ISAC refurbishment and ARIEL completion throughout all of 5Y</a:t>
            </a:r>
          </a:p>
        </p:txBody>
      </p:sp>
    </p:spTree>
    <p:extLst>
      <p:ext uri="{BB962C8B-B14F-4D97-AF65-F5344CB8AC3E}">
        <p14:creationId xmlns:p14="http://schemas.microsoft.com/office/powerpoint/2010/main" val="343309106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8940C194-CA50-8A65-472A-96E77F2D83FD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57867" y="458810"/>
            <a:ext cx="13108693" cy="5937132"/>
          </a:xfrm>
          <a:prstGeom prst="rect">
            <a:avLst/>
          </a:prstGeom>
        </p:spPr>
      </p:pic>
      <p:grpSp>
        <p:nvGrpSpPr>
          <p:cNvPr id="19" name="Group 136">
            <a:extLst>
              <a:ext uri="{FF2B5EF4-FFF2-40B4-BE49-F238E27FC236}">
                <a16:creationId xmlns:a16="http://schemas.microsoft.com/office/drawing/2014/main" id="{99D23ED0-1C32-8A4F-8024-B42C8B3649EC}"/>
              </a:ext>
            </a:extLst>
          </p:cNvPr>
          <p:cNvGrpSpPr/>
          <p:nvPr/>
        </p:nvGrpSpPr>
        <p:grpSpPr>
          <a:xfrm>
            <a:off x="1718482" y="2093954"/>
            <a:ext cx="340862" cy="340862"/>
            <a:chOff x="8415130" y="2849217"/>
            <a:chExt cx="450574" cy="450574"/>
          </a:xfrm>
          <a:solidFill>
            <a:srgbClr val="00B0F0"/>
          </a:solidFill>
        </p:grpSpPr>
        <p:sp>
          <p:nvSpPr>
            <p:cNvPr id="20" name="Teardrop 137">
              <a:extLst>
                <a:ext uri="{FF2B5EF4-FFF2-40B4-BE49-F238E27FC236}">
                  <a16:creationId xmlns:a16="http://schemas.microsoft.com/office/drawing/2014/main" id="{54484E75-AF1A-3F44-AC4B-941B24956D2A}"/>
                </a:ext>
              </a:extLst>
            </p:cNvPr>
            <p:cNvSpPr/>
            <p:nvPr/>
          </p:nvSpPr>
          <p:spPr>
            <a:xfrm rot="8100000">
              <a:off x="8415130" y="2849217"/>
              <a:ext cx="450574" cy="450574"/>
            </a:xfrm>
            <a:prstGeom prst="teardrop">
              <a:avLst>
                <a:gd name="adj" fmla="val 124123"/>
              </a:avLst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>
                <a:solidFill>
                  <a:srgbClr val="009CFF"/>
                </a:solidFill>
              </a:endParaRPr>
            </a:p>
          </p:txBody>
        </p:sp>
        <p:sp>
          <p:nvSpPr>
            <p:cNvPr id="21" name="Oval 138">
              <a:extLst>
                <a:ext uri="{FF2B5EF4-FFF2-40B4-BE49-F238E27FC236}">
                  <a16:creationId xmlns:a16="http://schemas.microsoft.com/office/drawing/2014/main" id="{46330E0D-8BAC-1647-9015-5E3E0F9789CD}"/>
                </a:ext>
              </a:extLst>
            </p:cNvPr>
            <p:cNvSpPr/>
            <p:nvPr/>
          </p:nvSpPr>
          <p:spPr>
            <a:xfrm>
              <a:off x="8545167" y="2979254"/>
              <a:ext cx="190500" cy="190500"/>
            </a:xfrm>
            <a:prstGeom prst="ellips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>
                <a:solidFill>
                  <a:srgbClr val="009CFF"/>
                </a:solidFill>
              </a:endParaRPr>
            </a:p>
          </p:txBody>
        </p:sp>
      </p:grpSp>
      <p:sp>
        <p:nvSpPr>
          <p:cNvPr id="26" name="Oval 138">
            <a:extLst>
              <a:ext uri="{FF2B5EF4-FFF2-40B4-BE49-F238E27FC236}">
                <a16:creationId xmlns:a16="http://schemas.microsoft.com/office/drawing/2014/main" id="{C7D34C9A-1B67-4A48-A3D5-8321BE8606F5}"/>
              </a:ext>
            </a:extLst>
          </p:cNvPr>
          <p:cNvSpPr/>
          <p:nvPr/>
        </p:nvSpPr>
        <p:spPr>
          <a:xfrm>
            <a:off x="1816856" y="2198678"/>
            <a:ext cx="144114" cy="144114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3" name="Oval 138">
            <a:extLst>
              <a:ext uri="{FF2B5EF4-FFF2-40B4-BE49-F238E27FC236}">
                <a16:creationId xmlns:a16="http://schemas.microsoft.com/office/drawing/2014/main" id="{5DE98429-0085-D449-B67C-15CFB4023E4C}"/>
              </a:ext>
            </a:extLst>
          </p:cNvPr>
          <p:cNvSpPr/>
          <p:nvPr/>
        </p:nvSpPr>
        <p:spPr>
          <a:xfrm>
            <a:off x="6007630" y="2918159"/>
            <a:ext cx="144114" cy="144114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A4501702-924A-B44F-BD61-8C4740ABF9A1}"/>
              </a:ext>
            </a:extLst>
          </p:cNvPr>
          <p:cNvSpPr/>
          <p:nvPr/>
        </p:nvSpPr>
        <p:spPr>
          <a:xfrm>
            <a:off x="377064" y="6392236"/>
            <a:ext cx="11132457" cy="46050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9653B207-FFB2-4A71-B0D4-FEB4D1387688}"/>
              </a:ext>
            </a:extLst>
          </p:cNvPr>
          <p:cNvSpPr/>
          <p:nvPr/>
        </p:nvSpPr>
        <p:spPr>
          <a:xfrm>
            <a:off x="377064" y="3122933"/>
            <a:ext cx="11491505" cy="495676"/>
          </a:xfrm>
          <a:prstGeom prst="rect">
            <a:avLst/>
          </a:prstGeom>
          <a:solidFill>
            <a:srgbClr val="00B0F0">
              <a:alpha val="90000"/>
            </a:srgbClr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CA" sz="2400">
                <a:solidFill>
                  <a:srgbClr val="FFFFFF"/>
                </a:solidFill>
              </a:rPr>
              <a:t>With ISAC and ARIEL, TRIUMF hosts the highest-power ISOL facilities in the world.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62A1016D-FC53-27AF-A40D-43EE0CEE2FE1}"/>
              </a:ext>
            </a:extLst>
          </p:cNvPr>
          <p:cNvSpPr/>
          <p:nvPr/>
        </p:nvSpPr>
        <p:spPr>
          <a:xfrm>
            <a:off x="8675647" y="5485788"/>
            <a:ext cx="389296" cy="41233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60828568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" name="Chart 11">
            <a:extLst>
              <a:ext uri="{FF2B5EF4-FFF2-40B4-BE49-F238E27FC236}">
                <a16:creationId xmlns:a16="http://schemas.microsoft.com/office/drawing/2014/main" id="{E24D3600-9C85-0433-CC10-8767C9A731E2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37467167"/>
              </p:ext>
            </p:extLst>
          </p:nvPr>
        </p:nvGraphicFramePr>
        <p:xfrm>
          <a:off x="498520" y="710574"/>
          <a:ext cx="7676442" cy="570779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2C2BC0CC-1792-6059-737B-5254350C27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A" dirty="0"/>
              <a:t>Scenario 2 – 2026 Shutdown – Comparison with ISAC Generated RIB alone</a:t>
            </a:r>
          </a:p>
        </p:txBody>
      </p:sp>
      <p:graphicFrame>
        <p:nvGraphicFramePr>
          <p:cNvPr id="10" name="Chart 9">
            <a:extLst>
              <a:ext uri="{FF2B5EF4-FFF2-40B4-BE49-F238E27FC236}">
                <a16:creationId xmlns:a16="http://schemas.microsoft.com/office/drawing/2014/main" id="{A55ACE22-EEC7-5548-B2CE-4A2579A4E34B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537490755"/>
              </p:ext>
            </p:extLst>
          </p:nvPr>
        </p:nvGraphicFramePr>
        <p:xfrm>
          <a:off x="498520" y="710574"/>
          <a:ext cx="7676442" cy="570779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pSp>
        <p:nvGrpSpPr>
          <p:cNvPr id="15" name="Group 14">
            <a:extLst>
              <a:ext uri="{FF2B5EF4-FFF2-40B4-BE49-F238E27FC236}">
                <a16:creationId xmlns:a16="http://schemas.microsoft.com/office/drawing/2014/main" id="{14A9201B-9149-1E53-1761-8C9C1C1EF591}"/>
              </a:ext>
            </a:extLst>
          </p:cNvPr>
          <p:cNvGrpSpPr/>
          <p:nvPr/>
        </p:nvGrpSpPr>
        <p:grpSpPr>
          <a:xfrm>
            <a:off x="979420" y="1488159"/>
            <a:ext cx="3445179" cy="878859"/>
            <a:chOff x="283577" y="926802"/>
            <a:chExt cx="3445179" cy="878859"/>
          </a:xfrm>
        </p:grpSpPr>
        <p:pic>
          <p:nvPicPr>
            <p:cNvPr id="16" name="Picture 15">
              <a:extLst>
                <a:ext uri="{FF2B5EF4-FFF2-40B4-BE49-F238E27FC236}">
                  <a16:creationId xmlns:a16="http://schemas.microsoft.com/office/drawing/2014/main" id="{10078A99-F27D-3692-CFC1-55DF7C9562D0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r="67445" b="86628"/>
            <a:stretch/>
          </p:blipFill>
          <p:spPr>
            <a:xfrm>
              <a:off x="283577" y="926802"/>
              <a:ext cx="2497202" cy="764212"/>
            </a:xfrm>
            <a:prstGeom prst="rect">
              <a:avLst/>
            </a:prstGeom>
          </p:spPr>
        </p:pic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46FF36FF-471B-7B54-5C0F-E8ABD28AC89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t="13372" r="67445" b="73696"/>
            <a:stretch/>
          </p:blipFill>
          <p:spPr>
            <a:xfrm>
              <a:off x="1231554" y="1066625"/>
              <a:ext cx="2497202" cy="739036"/>
            </a:xfrm>
            <a:prstGeom prst="rect">
              <a:avLst/>
            </a:prstGeom>
          </p:spPr>
        </p:pic>
      </p:grp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04A3F1D6-EC92-F7AC-492C-196C6E1C939E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8371844" y="1183074"/>
            <a:ext cx="3565460" cy="4978799"/>
          </a:xfrm>
        </p:spPr>
        <p:txBody>
          <a:bodyPr/>
          <a:lstStyle/>
          <a:p>
            <a:pPr marL="0" indent="0">
              <a:buNone/>
            </a:pPr>
            <a:r>
              <a:rPr lang="en-CA" sz="1800" b="1" dirty="0"/>
              <a:t>Comments:</a:t>
            </a:r>
          </a:p>
          <a:p>
            <a:r>
              <a:rPr lang="en-CA" sz="1800" dirty="0"/>
              <a:t>Scenario 2 – 2026 shutdown and ARIEL project acceleration. </a:t>
            </a:r>
          </a:p>
          <a:p>
            <a:r>
              <a:rPr lang="en-CA" sz="1800" dirty="0"/>
              <a:t>ISAC moves back to 8 months operation, generating about 4400 RIB hours per year available to experiments </a:t>
            </a:r>
          </a:p>
          <a:p>
            <a:endParaRPr lang="en-CA" sz="1800" dirty="0"/>
          </a:p>
          <a:p>
            <a:pPr marL="0" indent="0">
              <a:buNone/>
            </a:pPr>
            <a:r>
              <a:rPr lang="en-CA" sz="1800" b="1" dirty="0"/>
              <a:t>Impact:</a:t>
            </a:r>
          </a:p>
          <a:p>
            <a:r>
              <a:rPr lang="en-CA" sz="1800" dirty="0"/>
              <a:t>Shutdown overhead fraction reduced. </a:t>
            </a:r>
          </a:p>
          <a:p>
            <a:r>
              <a:rPr lang="en-CA" sz="1800" dirty="0"/>
              <a:t>Resource competition with ARIEL greatly reduced</a:t>
            </a:r>
          </a:p>
          <a:p>
            <a:r>
              <a:rPr lang="en-CA" sz="1800" dirty="0"/>
              <a:t>Break-even point in accumulated RIB hours reached 2028-2029</a:t>
            </a:r>
          </a:p>
        </p:txBody>
      </p:sp>
    </p:spTree>
    <p:extLst>
      <p:ext uri="{BB962C8B-B14F-4D97-AF65-F5344CB8AC3E}">
        <p14:creationId xmlns:p14="http://schemas.microsoft.com/office/powerpoint/2010/main" val="298327119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12" grpId="0">
        <p:bldAsOne/>
      </p:bldGraphic>
      <p:bldGraphic spid="10" grpId="0">
        <p:bldAsOne/>
      </p:bldGraphic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2BC0CC-1792-6059-737B-5254350C27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A" dirty="0"/>
              <a:t>Scenario 2 – 2026 Shutdown – Factoring in Additional RIB Hours from ARIEL</a:t>
            </a:r>
          </a:p>
        </p:txBody>
      </p:sp>
      <p:graphicFrame>
        <p:nvGraphicFramePr>
          <p:cNvPr id="18" name="Chart 17">
            <a:extLst>
              <a:ext uri="{FF2B5EF4-FFF2-40B4-BE49-F238E27FC236}">
                <a16:creationId xmlns:a16="http://schemas.microsoft.com/office/drawing/2014/main" id="{91F253C1-E6F2-2EC2-2D0F-7C0C2B36B8EC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017704088"/>
              </p:ext>
            </p:extLst>
          </p:nvPr>
        </p:nvGraphicFramePr>
        <p:xfrm>
          <a:off x="498520" y="710574"/>
          <a:ext cx="7676442" cy="570779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15" name="Chart 14">
            <a:extLst>
              <a:ext uri="{FF2B5EF4-FFF2-40B4-BE49-F238E27FC236}">
                <a16:creationId xmlns:a16="http://schemas.microsoft.com/office/drawing/2014/main" id="{38013D4E-CAEA-3274-CFD7-58B3782F6039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50945611"/>
              </p:ext>
            </p:extLst>
          </p:nvPr>
        </p:nvGraphicFramePr>
        <p:xfrm>
          <a:off x="498520" y="710574"/>
          <a:ext cx="7676442" cy="570779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grpSp>
        <p:nvGrpSpPr>
          <p:cNvPr id="23" name="Group 22">
            <a:extLst>
              <a:ext uri="{FF2B5EF4-FFF2-40B4-BE49-F238E27FC236}">
                <a16:creationId xmlns:a16="http://schemas.microsoft.com/office/drawing/2014/main" id="{2A31BEC7-1EDB-D6D1-5C64-14FA2E7C38B5}"/>
              </a:ext>
            </a:extLst>
          </p:cNvPr>
          <p:cNvGrpSpPr/>
          <p:nvPr/>
        </p:nvGrpSpPr>
        <p:grpSpPr>
          <a:xfrm>
            <a:off x="979420" y="1488159"/>
            <a:ext cx="3445179" cy="878859"/>
            <a:chOff x="283577" y="926802"/>
            <a:chExt cx="3445179" cy="878859"/>
          </a:xfrm>
        </p:grpSpPr>
        <p:pic>
          <p:nvPicPr>
            <p:cNvPr id="24" name="Picture 23">
              <a:extLst>
                <a:ext uri="{FF2B5EF4-FFF2-40B4-BE49-F238E27FC236}">
                  <a16:creationId xmlns:a16="http://schemas.microsoft.com/office/drawing/2014/main" id="{198D0EFE-04D4-691B-B3CE-9E559A65E054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/>
            <a:srcRect r="67445" b="86628"/>
            <a:stretch/>
          </p:blipFill>
          <p:spPr>
            <a:xfrm>
              <a:off x="283577" y="926802"/>
              <a:ext cx="2497202" cy="764212"/>
            </a:xfrm>
            <a:prstGeom prst="rect">
              <a:avLst/>
            </a:prstGeom>
          </p:spPr>
        </p:pic>
        <p:pic>
          <p:nvPicPr>
            <p:cNvPr id="25" name="Picture 24">
              <a:extLst>
                <a:ext uri="{FF2B5EF4-FFF2-40B4-BE49-F238E27FC236}">
                  <a16:creationId xmlns:a16="http://schemas.microsoft.com/office/drawing/2014/main" id="{3C5DAA86-3E3B-5636-3240-6159C14EF712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/>
            <a:srcRect t="13372" r="67445" b="73696"/>
            <a:stretch/>
          </p:blipFill>
          <p:spPr>
            <a:xfrm>
              <a:off x="1231554" y="1066625"/>
              <a:ext cx="2497202" cy="739036"/>
            </a:xfrm>
            <a:prstGeom prst="rect">
              <a:avLst/>
            </a:prstGeom>
          </p:spPr>
        </p:pic>
      </p:grp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EE352E65-DD87-EAF9-78A8-F53635CD6E15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8371844" y="757190"/>
            <a:ext cx="3590512" cy="5726696"/>
          </a:xfrm>
        </p:spPr>
        <p:txBody>
          <a:bodyPr/>
          <a:lstStyle/>
          <a:p>
            <a:pPr marL="0" indent="0">
              <a:buNone/>
            </a:pPr>
            <a:r>
              <a:rPr lang="en-CA" sz="1800" b="1" dirty="0"/>
              <a:t>Comments:</a:t>
            </a:r>
          </a:p>
          <a:p>
            <a:r>
              <a:rPr lang="en-CA" sz="1800" dirty="0"/>
              <a:t>Scenario 2 – 2026 shutdown and ARIEL project acceleration. </a:t>
            </a:r>
          </a:p>
          <a:p>
            <a:r>
              <a:rPr lang="en-CA" sz="1800" dirty="0"/>
              <a:t>ISAC moves back to 8 months operation, generating about 4400 RIB hours per year available to experiments.</a:t>
            </a:r>
          </a:p>
          <a:p>
            <a:r>
              <a:rPr lang="en-CA" sz="1800" dirty="0"/>
              <a:t>ARIEL gradually ramping up to 2-3 targets per year per station in 2030</a:t>
            </a:r>
          </a:p>
          <a:p>
            <a:pPr marL="0" indent="0">
              <a:buNone/>
            </a:pPr>
            <a:r>
              <a:rPr lang="en-CA" sz="1800" b="1" dirty="0"/>
              <a:t>Impact:</a:t>
            </a:r>
          </a:p>
          <a:p>
            <a:r>
              <a:rPr lang="en-CA" sz="1800" dirty="0"/>
              <a:t>Shutdown overhead fraction reduced</a:t>
            </a:r>
          </a:p>
          <a:p>
            <a:r>
              <a:rPr lang="en-CA" sz="1800" dirty="0"/>
              <a:t>Resource competition with ARIEL greatly reduced and site-wide services less loaded from ARIEL</a:t>
            </a:r>
          </a:p>
          <a:p>
            <a:r>
              <a:rPr lang="en-CA" sz="1800" dirty="0"/>
              <a:t>Break-even point in </a:t>
            </a:r>
            <a:br>
              <a:rPr lang="en-CA" sz="1800" dirty="0"/>
            </a:br>
            <a:r>
              <a:rPr lang="en-CA" sz="1800" dirty="0"/>
              <a:t>accumulated RIB hours </a:t>
            </a:r>
            <a:br>
              <a:rPr lang="en-CA" sz="1800" dirty="0"/>
            </a:br>
            <a:r>
              <a:rPr lang="en-CA" sz="1800" dirty="0"/>
              <a:t>reached earlier. </a:t>
            </a:r>
          </a:p>
        </p:txBody>
      </p:sp>
    </p:spTree>
    <p:extLst>
      <p:ext uri="{BB962C8B-B14F-4D97-AF65-F5344CB8AC3E}">
        <p14:creationId xmlns:p14="http://schemas.microsoft.com/office/powerpoint/2010/main" val="11908451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18" grpId="0">
        <p:bldAsOne/>
      </p:bldGraphic>
      <p:bldGraphic spid="15" grpId="0">
        <p:bldAsOne/>
      </p:bldGraphic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6C7728B-38DB-FAFF-C672-E3537BD4B3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D7334FB-F059-07BD-2ABC-6C44E7F3C00A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CA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47BB98EF-9B68-4332-D256-FE6FBBDDE2D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-513567"/>
            <a:ext cx="12192000" cy="7633252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0339A885-BAA8-0D70-3A8E-8EF9BDC667F7}"/>
              </a:ext>
            </a:extLst>
          </p:cNvPr>
          <p:cNvSpPr txBox="1"/>
          <p:nvPr/>
        </p:nvSpPr>
        <p:spPr>
          <a:xfrm>
            <a:off x="2321490" y="3121223"/>
            <a:ext cx="7549020" cy="615553"/>
          </a:xfrm>
          <a:prstGeom prst="rect">
            <a:avLst/>
          </a:prstGeom>
          <a:solidFill>
            <a:schemeClr val="bg1">
              <a:alpha val="58426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4000" b="1" dirty="0">
                <a:ln>
                  <a:solidFill>
                    <a:schemeClr val="tx1"/>
                  </a:solidFill>
                </a:ln>
                <a:solidFill>
                  <a:srgbClr val="00B0F0"/>
                </a:solidFill>
              </a:rPr>
              <a:t>Electrons versus Protons</a:t>
            </a:r>
          </a:p>
        </p:txBody>
      </p:sp>
    </p:spTree>
    <p:extLst>
      <p:ext uri="{BB962C8B-B14F-4D97-AF65-F5344CB8AC3E}">
        <p14:creationId xmlns:p14="http://schemas.microsoft.com/office/powerpoint/2010/main" val="1565124564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6775E6D-E8DA-704A-B68E-4411657AEE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Projecting ARIEL AETE Yields</a:t>
            </a:r>
          </a:p>
        </p:txBody>
      </p:sp>
      <p:pic>
        <p:nvPicPr>
          <p:cNvPr id="4" name="Picture 3" descr="A graph showing a graph showing a number of electrons&#10;&#10;Description automatically generated">
            <a:extLst>
              <a:ext uri="{FF2B5EF4-FFF2-40B4-BE49-F238E27FC236}">
                <a16:creationId xmlns:a16="http://schemas.microsoft.com/office/drawing/2014/main" id="{1E8945AA-E9AC-BF9E-49F2-0BA66DBC92E0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113" r="4164"/>
          <a:stretch/>
        </p:blipFill>
        <p:spPr>
          <a:xfrm>
            <a:off x="233398" y="1825246"/>
            <a:ext cx="5518725" cy="3474000"/>
          </a:xfrm>
          <a:prstGeom prst="rect">
            <a:avLst/>
          </a:prstGeom>
        </p:spPr>
      </p:pic>
      <p:pic>
        <p:nvPicPr>
          <p:cNvPr id="6" name="Picture 5" descr="A graph showing a graph showing a number of electrons&#10;&#10;Description automatically generated">
            <a:extLst>
              <a:ext uri="{FF2B5EF4-FFF2-40B4-BE49-F238E27FC236}">
                <a16:creationId xmlns:a16="http://schemas.microsoft.com/office/drawing/2014/main" id="{84AC5CD4-CAE7-C5A9-838D-5BF41EEE8958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722"/>
          <a:stretch/>
        </p:blipFill>
        <p:spPr>
          <a:xfrm>
            <a:off x="5887616" y="1816587"/>
            <a:ext cx="5784334" cy="347400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5B0841A6-03A7-0F5B-F8AC-00E9FC8B5503}"/>
              </a:ext>
            </a:extLst>
          </p:cNvPr>
          <p:cNvSpPr txBox="1"/>
          <p:nvPr/>
        </p:nvSpPr>
        <p:spPr>
          <a:xfrm>
            <a:off x="6245564" y="1623262"/>
            <a:ext cx="5946436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b="1" dirty="0"/>
              <a:t>FLUKA ISAC in-target isotope production rates from UC</a:t>
            </a:r>
            <a:r>
              <a:rPr lang="en-US" b="1" baseline="-25000" dirty="0"/>
              <a:t>x </a:t>
            </a:r>
            <a:r>
              <a:rPr lang="en-US" b="1" dirty="0"/>
              <a:t>[1/s]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EB07F911-163B-858F-7F34-2DD714D8E8E5}"/>
              </a:ext>
            </a:extLst>
          </p:cNvPr>
          <p:cNvSpPr txBox="1"/>
          <p:nvPr/>
        </p:nvSpPr>
        <p:spPr>
          <a:xfrm>
            <a:off x="179021" y="1623262"/>
            <a:ext cx="5998437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b="1" dirty="0"/>
              <a:t>FLUKA AETE in-target isotope production rates from UC</a:t>
            </a:r>
            <a:r>
              <a:rPr lang="en-US" b="1" baseline="-25000" dirty="0"/>
              <a:t>x </a:t>
            </a:r>
            <a:r>
              <a:rPr lang="en-US" b="1" dirty="0"/>
              <a:t>[1/s]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FF79E028-EED4-192C-65FA-E0521FC0A459}"/>
              </a:ext>
            </a:extLst>
          </p:cNvPr>
          <p:cNvSpPr txBox="1"/>
          <p:nvPr/>
        </p:nvSpPr>
        <p:spPr>
          <a:xfrm>
            <a:off x="2554491" y="4429041"/>
            <a:ext cx="2554354" cy="338554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sz="1600" dirty="0"/>
              <a:t>10 kW electron beam power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D90DE134-2E5E-53EF-3305-6239CD341CDC}"/>
              </a:ext>
            </a:extLst>
          </p:cNvPr>
          <p:cNvSpPr txBox="1"/>
          <p:nvPr/>
        </p:nvSpPr>
        <p:spPr>
          <a:xfrm>
            <a:off x="8592719" y="4429041"/>
            <a:ext cx="2430537" cy="338554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sz="1600" dirty="0"/>
              <a:t>10 kW proton beam power</a:t>
            </a:r>
          </a:p>
        </p:txBody>
      </p:sp>
    </p:spTree>
    <p:extLst>
      <p:ext uri="{BB962C8B-B14F-4D97-AF65-F5344CB8AC3E}">
        <p14:creationId xmlns:p14="http://schemas.microsoft.com/office/powerpoint/2010/main" val="163057614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11" grpId="0" animBg="1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6775E6D-E8DA-704A-B68E-4411657AEE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Projecting ARIEL AETE Yields</a:t>
            </a:r>
          </a:p>
        </p:txBody>
      </p:sp>
      <p:pic>
        <p:nvPicPr>
          <p:cNvPr id="4" name="Picture 3" descr="A graph showing a graph showing a number of electrons&#10;&#10;Description automatically generated">
            <a:extLst>
              <a:ext uri="{FF2B5EF4-FFF2-40B4-BE49-F238E27FC236}">
                <a16:creationId xmlns:a16="http://schemas.microsoft.com/office/drawing/2014/main" id="{1E8945AA-E9AC-BF9E-49F2-0BA66DBC92E0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113" r="4164"/>
          <a:stretch/>
        </p:blipFill>
        <p:spPr>
          <a:xfrm>
            <a:off x="233398" y="1825246"/>
            <a:ext cx="5518725" cy="3474000"/>
          </a:xfrm>
          <a:prstGeom prst="rect">
            <a:avLst/>
          </a:prstGeom>
        </p:spPr>
      </p:pic>
      <p:pic>
        <p:nvPicPr>
          <p:cNvPr id="6" name="Picture 5" descr="A graph showing a graph showing a number of electrons&#10;&#10;Description automatically generated">
            <a:extLst>
              <a:ext uri="{FF2B5EF4-FFF2-40B4-BE49-F238E27FC236}">
                <a16:creationId xmlns:a16="http://schemas.microsoft.com/office/drawing/2014/main" id="{84AC5CD4-CAE7-C5A9-838D-5BF41EEE8958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722"/>
          <a:stretch/>
        </p:blipFill>
        <p:spPr>
          <a:xfrm>
            <a:off x="5887616" y="1816587"/>
            <a:ext cx="5784334" cy="347400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5B0841A6-03A7-0F5B-F8AC-00E9FC8B5503}"/>
              </a:ext>
            </a:extLst>
          </p:cNvPr>
          <p:cNvSpPr txBox="1"/>
          <p:nvPr/>
        </p:nvSpPr>
        <p:spPr>
          <a:xfrm>
            <a:off x="6245564" y="1623262"/>
            <a:ext cx="5946436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b="1" dirty="0"/>
              <a:t>FLUKA ISAC in-target isotope production rates from UC</a:t>
            </a:r>
            <a:r>
              <a:rPr lang="en-US" b="1" baseline="-25000" dirty="0"/>
              <a:t>x </a:t>
            </a:r>
            <a:r>
              <a:rPr lang="en-US" b="1" dirty="0"/>
              <a:t>[1/s]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EB07F911-163B-858F-7F34-2DD714D8E8E5}"/>
              </a:ext>
            </a:extLst>
          </p:cNvPr>
          <p:cNvSpPr txBox="1"/>
          <p:nvPr/>
        </p:nvSpPr>
        <p:spPr>
          <a:xfrm>
            <a:off x="179021" y="1623262"/>
            <a:ext cx="5998437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b="1" dirty="0"/>
              <a:t>FLUKA AETE in-target isotope production rates from UC</a:t>
            </a:r>
            <a:r>
              <a:rPr lang="en-US" b="1" baseline="-25000" dirty="0"/>
              <a:t>x </a:t>
            </a:r>
            <a:r>
              <a:rPr lang="en-US" b="1" dirty="0"/>
              <a:t>[1/s]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FF79E028-EED4-192C-65FA-E0521FC0A459}"/>
              </a:ext>
            </a:extLst>
          </p:cNvPr>
          <p:cNvSpPr txBox="1"/>
          <p:nvPr/>
        </p:nvSpPr>
        <p:spPr>
          <a:xfrm>
            <a:off x="1810572" y="4429041"/>
            <a:ext cx="3342518" cy="338554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sz="1600" dirty="0"/>
              <a:t>scaled to 10 kW electron beam power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D90DE134-2E5E-53EF-3305-6239CD341CDC}"/>
              </a:ext>
            </a:extLst>
          </p:cNvPr>
          <p:cNvSpPr txBox="1"/>
          <p:nvPr/>
        </p:nvSpPr>
        <p:spPr>
          <a:xfrm>
            <a:off x="7877740" y="4429041"/>
            <a:ext cx="3218702" cy="338554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sz="1600" dirty="0"/>
              <a:t>scaled to 10 kW proton beam power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313525A9-199A-913D-5897-76A92EB27EB1}"/>
              </a:ext>
            </a:extLst>
          </p:cNvPr>
          <p:cNvSpPr/>
          <p:nvPr/>
        </p:nvSpPr>
        <p:spPr>
          <a:xfrm>
            <a:off x="120849" y="935223"/>
            <a:ext cx="11952331" cy="5718682"/>
          </a:xfrm>
          <a:prstGeom prst="rect">
            <a:avLst/>
          </a:prstGeom>
          <a:solidFill>
            <a:srgbClr val="FFFFFF">
              <a:alpha val="72157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7" name="Picture 16" descr="A graph showing a graph showing a number of electrons&#10;&#10;Description automatically generated">
            <a:extLst>
              <a:ext uri="{FF2B5EF4-FFF2-40B4-BE49-F238E27FC236}">
                <a16:creationId xmlns:a16="http://schemas.microsoft.com/office/drawing/2014/main" id="{6F058442-A3CD-4A39-77D6-E2887D2AC2D0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686"/>
          <a:stretch/>
        </p:blipFill>
        <p:spPr>
          <a:xfrm>
            <a:off x="1015919" y="777641"/>
            <a:ext cx="9577143" cy="5738400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31F76441-AA43-3CB0-CC93-7636A8BE0BB6}"/>
              </a:ext>
            </a:extLst>
          </p:cNvPr>
          <p:cNvSpPr txBox="1"/>
          <p:nvPr/>
        </p:nvSpPr>
        <p:spPr>
          <a:xfrm>
            <a:off x="3679470" y="732814"/>
            <a:ext cx="4515147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b="1" dirty="0"/>
              <a:t>Isotope production ratio AETE vs ISAC per kW</a:t>
            </a:r>
          </a:p>
        </p:txBody>
      </p:sp>
    </p:spTree>
    <p:extLst>
      <p:ext uri="{BB962C8B-B14F-4D97-AF65-F5344CB8AC3E}">
        <p14:creationId xmlns:p14="http://schemas.microsoft.com/office/powerpoint/2010/main" val="1404556536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6775E6D-E8DA-704A-B68E-4411657AEE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ARIEL AETE and APTW Projected Yields</a:t>
            </a:r>
          </a:p>
        </p:txBody>
      </p:sp>
      <p:pic>
        <p:nvPicPr>
          <p:cNvPr id="22" name="Picture 21" descr="A graph showing a graph showing a number of electrons&#10;&#10;Description automatically generated">
            <a:extLst>
              <a:ext uri="{FF2B5EF4-FFF2-40B4-BE49-F238E27FC236}">
                <a16:creationId xmlns:a16="http://schemas.microsoft.com/office/drawing/2014/main" id="{2A2B9E58-2B77-9F98-161B-3F085644FF83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981" r="4381"/>
          <a:stretch/>
        </p:blipFill>
        <p:spPr>
          <a:xfrm>
            <a:off x="6052246" y="2445180"/>
            <a:ext cx="5501899" cy="3470106"/>
          </a:xfrm>
          <a:prstGeom prst="rect">
            <a:avLst/>
          </a:prstGeom>
        </p:spPr>
      </p:pic>
      <p:pic>
        <p:nvPicPr>
          <p:cNvPr id="23" name="Picture 22" descr="A graph showing a graph showing a graph&#10;&#10;Description automatically generated">
            <a:extLst>
              <a:ext uri="{FF2B5EF4-FFF2-40B4-BE49-F238E27FC236}">
                <a16:creationId xmlns:a16="http://schemas.microsoft.com/office/drawing/2014/main" id="{5061984C-1232-EE8D-4E16-1B836EB2BE58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603" r="4452"/>
          <a:stretch/>
        </p:blipFill>
        <p:spPr>
          <a:xfrm>
            <a:off x="0" y="2445179"/>
            <a:ext cx="5520514" cy="3470105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7526E946-559A-BE01-3A38-7EA1512FEE09}"/>
              </a:ext>
            </a:extLst>
          </p:cNvPr>
          <p:cNvSpPr txBox="1"/>
          <p:nvPr/>
        </p:nvSpPr>
        <p:spPr>
          <a:xfrm>
            <a:off x="6626237" y="2260514"/>
            <a:ext cx="4368375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b="1" dirty="0"/>
              <a:t>Projected LE Isotope Rates from APTW [1/s]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DA00EC7-4570-4A6C-331D-3E3A390D32D9}"/>
              </a:ext>
            </a:extLst>
          </p:cNvPr>
          <p:cNvSpPr txBox="1"/>
          <p:nvPr/>
        </p:nvSpPr>
        <p:spPr>
          <a:xfrm>
            <a:off x="6363573" y="692194"/>
            <a:ext cx="5308376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Initial ARIEL APTW yields will be comparable to current average ISAC yields</a:t>
            </a:r>
          </a:p>
          <a:p>
            <a:endParaRPr lang="en-US" dirty="0"/>
          </a:p>
          <a:p>
            <a:r>
              <a:rPr lang="en-US" dirty="0"/>
              <a:t>And: capabilities for new target materials, target ion source concepts, molecular beam formation, </a:t>
            </a:r>
            <a:r>
              <a:rPr lang="en-US" dirty="0" err="1"/>
              <a:t>etc</a:t>
            </a:r>
            <a:endParaRPr lang="en-US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D577296-4834-86E3-980B-66EA75502C76}"/>
              </a:ext>
            </a:extLst>
          </p:cNvPr>
          <p:cNvSpPr txBox="1"/>
          <p:nvPr/>
        </p:nvSpPr>
        <p:spPr>
          <a:xfrm>
            <a:off x="568557" y="2260514"/>
            <a:ext cx="4359463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b="1" dirty="0"/>
              <a:t>Projected LE Isotope Rates from AETE [1/s]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021FFC03-9689-C924-C849-67CB6D2EA9DF}"/>
              </a:ext>
            </a:extLst>
          </p:cNvPr>
          <p:cNvSpPr txBox="1"/>
          <p:nvPr/>
        </p:nvSpPr>
        <p:spPr>
          <a:xfrm>
            <a:off x="256010" y="692194"/>
            <a:ext cx="5529008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Initial ARIEL AETE yields projected using measured ISAC-UC</a:t>
            </a:r>
            <a:r>
              <a:rPr lang="en-US" baseline="-25000" dirty="0"/>
              <a:t>x</a:t>
            </a:r>
            <a:r>
              <a:rPr lang="en-US" dirty="0"/>
              <a:t> isotope extraction efficiencies</a:t>
            </a:r>
          </a:p>
          <a:p>
            <a:endParaRPr lang="en-US" dirty="0"/>
          </a:p>
          <a:p>
            <a:r>
              <a:rPr lang="en-US" dirty="0"/>
              <a:t>Differences in geometry and material microstructure will require confirmation and additional R&amp;D</a:t>
            </a: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28139513-1B54-F3B5-B21B-5EFD64DDE0B7}"/>
              </a:ext>
            </a:extLst>
          </p:cNvPr>
          <p:cNvCxnSpPr>
            <a:cxnSpLocks/>
          </p:cNvCxnSpPr>
          <p:nvPr/>
        </p:nvCxnSpPr>
        <p:spPr>
          <a:xfrm>
            <a:off x="5874788" y="692194"/>
            <a:ext cx="0" cy="5223090"/>
          </a:xfrm>
          <a:prstGeom prst="line">
            <a:avLst/>
          </a:prstGeom>
          <a:ln w="38100"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Box 13">
            <a:extLst>
              <a:ext uri="{FF2B5EF4-FFF2-40B4-BE49-F238E27FC236}">
                <a16:creationId xmlns:a16="http://schemas.microsoft.com/office/drawing/2014/main" id="{30EA5B11-D045-25EF-5238-1D3D8FCD2F06}"/>
              </a:ext>
            </a:extLst>
          </p:cNvPr>
          <p:cNvSpPr txBox="1"/>
          <p:nvPr/>
        </p:nvSpPr>
        <p:spPr>
          <a:xfrm>
            <a:off x="2259188" y="5063198"/>
            <a:ext cx="2554354" cy="338554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sz="1600" dirty="0"/>
              <a:t>10 kW electron beam power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77DD5C0-2A71-3E83-10CF-5EFD2F77901A}"/>
              </a:ext>
            </a:extLst>
          </p:cNvPr>
          <p:cNvSpPr txBox="1"/>
          <p:nvPr/>
        </p:nvSpPr>
        <p:spPr>
          <a:xfrm>
            <a:off x="445166" y="6126987"/>
            <a:ext cx="10928463" cy="646331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b="1" dirty="0"/>
              <a:t>The parallelization of APTW and AETE installation would allow to swap APTW and AETE commissioning making spallation beams and medical isotopes available sooner.  </a:t>
            </a:r>
          </a:p>
        </p:txBody>
      </p:sp>
    </p:spTree>
    <p:extLst>
      <p:ext uri="{BB962C8B-B14F-4D97-AF65-F5344CB8AC3E}">
        <p14:creationId xmlns:p14="http://schemas.microsoft.com/office/powerpoint/2010/main" val="33931215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8" grpId="0"/>
      <p:bldP spid="3" grpId="0" animBg="1"/>
    </p:bld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17E273E-63BA-CDF3-B550-B46FD42F1C8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A" dirty="0"/>
              <a:t>Next Step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D447ABB-98CA-E8ED-0D7B-3CE3CCBE9C5A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526473" y="1066800"/>
            <a:ext cx="10646743" cy="4996240"/>
          </a:xfrm>
        </p:spPr>
        <p:txBody>
          <a:bodyPr/>
          <a:lstStyle/>
          <a:p>
            <a:r>
              <a:rPr lang="en-CA" dirty="0"/>
              <a:t>Continue conversation on different scenarios.</a:t>
            </a:r>
          </a:p>
          <a:p>
            <a:r>
              <a:rPr lang="en-CA" dirty="0"/>
              <a:t>If lab commits to a 2026 shutdown to complete ARIEL in 2027 and start RIB ramp up 2025-30:</a:t>
            </a:r>
          </a:p>
          <a:p>
            <a:r>
              <a:rPr lang="en-CA" dirty="0"/>
              <a:t>Planning, planning, planning</a:t>
            </a:r>
          </a:p>
          <a:p>
            <a:pPr lvl="1"/>
            <a:r>
              <a:rPr lang="en-CA" dirty="0"/>
              <a:t>Review of activities </a:t>
            </a:r>
          </a:p>
          <a:p>
            <a:pPr lvl="2"/>
            <a:r>
              <a:rPr lang="en-CA" dirty="0"/>
              <a:t>Parallelization of target systems installations and integration</a:t>
            </a:r>
          </a:p>
          <a:p>
            <a:pPr lvl="2"/>
            <a:r>
              <a:rPr lang="en-CA" dirty="0"/>
              <a:t>Beamline installations</a:t>
            </a:r>
          </a:p>
          <a:p>
            <a:pPr lvl="2"/>
            <a:r>
              <a:rPr lang="en-CA" dirty="0"/>
              <a:t>Realization of previously deferred scope that is required for ramp up</a:t>
            </a:r>
          </a:p>
          <a:p>
            <a:pPr lvl="2"/>
            <a:r>
              <a:rPr lang="en-CA" dirty="0"/>
              <a:t>ISAC systems refurbishments and upgrades</a:t>
            </a:r>
          </a:p>
          <a:p>
            <a:pPr lvl="2"/>
            <a:r>
              <a:rPr lang="en-CA" dirty="0"/>
              <a:t>Additional fabrication and procurement tasks</a:t>
            </a:r>
          </a:p>
          <a:p>
            <a:pPr lvl="2"/>
            <a:r>
              <a:rPr lang="en-CA" dirty="0"/>
              <a:t>Required licensing activities towards commissioning and operation</a:t>
            </a:r>
          </a:p>
          <a:p>
            <a:pPr lvl="1"/>
            <a:r>
              <a:rPr lang="en-CA" dirty="0"/>
              <a:t>Allocate budgets at finalization of NRC contribution agreement (Fall 2024)</a:t>
            </a:r>
          </a:p>
          <a:p>
            <a:pPr lvl="1"/>
            <a:r>
              <a:rPr lang="en-CA" dirty="0"/>
              <a:t>Complete resource-loaded schedule of all related activities (late CY 2024)</a:t>
            </a:r>
          </a:p>
          <a:p>
            <a:pPr lvl="1"/>
            <a:r>
              <a:rPr lang="en-CA" dirty="0"/>
              <a:t>All resources committed and negotiated with relevant group leaders (late FY24/25)</a:t>
            </a:r>
          </a:p>
          <a:p>
            <a:endParaRPr lang="en-CA" dirty="0"/>
          </a:p>
        </p:txBody>
      </p:sp>
    </p:spTree>
    <p:extLst>
      <p:ext uri="{BB962C8B-B14F-4D97-AF65-F5344CB8AC3E}">
        <p14:creationId xmlns:p14="http://schemas.microsoft.com/office/powerpoint/2010/main" val="3041929871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B132F1BD-709B-E843-9FFD-6E8D7AB0C6BD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353" r="10296"/>
          <a:stretch/>
        </p:blipFill>
        <p:spPr>
          <a:xfrm>
            <a:off x="4911932" y="-28878"/>
            <a:ext cx="8441604" cy="6917867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F43D1020-BEAD-AE44-3FB6-50C81BDE9DCB}"/>
              </a:ext>
            </a:extLst>
          </p:cNvPr>
          <p:cNvSpPr/>
          <p:nvPr/>
        </p:nvSpPr>
        <p:spPr>
          <a:xfrm>
            <a:off x="0" y="-28878"/>
            <a:ext cx="6096000" cy="7093551"/>
          </a:xfrm>
          <a:prstGeom prst="rect">
            <a:avLst/>
          </a:prstGeom>
          <a:solidFill>
            <a:schemeClr val="bg1"/>
          </a:solidFill>
          <a:ln w="15875" cap="flat" cmpd="sng" algn="ctr">
            <a:noFill/>
            <a:prstDash val="solid"/>
          </a:ln>
          <a:effectLst/>
        </p:spPr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"/>
              <a:cs typeface="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426CFABF-CDF2-1C2E-52F2-F9A729EF5F52}"/>
              </a:ext>
            </a:extLst>
          </p:cNvPr>
          <p:cNvSpPr txBox="1"/>
          <p:nvPr/>
        </p:nvSpPr>
        <p:spPr>
          <a:xfrm rot="16200000">
            <a:off x="4086646" y="4771509"/>
            <a:ext cx="3514724" cy="5039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560"/>
              </a:lnSpc>
            </a:pPr>
            <a:r>
              <a:rPr lang="en-US" b="1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Discovery,</a:t>
            </a:r>
          </a:p>
          <a:p>
            <a:pPr>
              <a:lnSpc>
                <a:spcPts val="1560"/>
              </a:lnSpc>
            </a:pPr>
            <a:r>
              <a:rPr lang="en-US" b="1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rPr>
              <a:t>accelerated</a:t>
            </a:r>
          </a:p>
        </p:txBody>
      </p:sp>
      <p:pic>
        <p:nvPicPr>
          <p:cNvPr id="22" name="Picture 21">
            <a:extLst>
              <a:ext uri="{FF2B5EF4-FFF2-40B4-BE49-F238E27FC236}">
                <a16:creationId xmlns:a16="http://schemas.microsoft.com/office/drawing/2014/main" id="{B7B8743E-43EB-7875-8A78-9B86454362D8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236970" y="5071250"/>
            <a:ext cx="411480" cy="411480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2C17EF53-971A-97FD-8FAF-EC76764D98CC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58807" y="5074298"/>
            <a:ext cx="408432" cy="408432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4CA4B3D7-5B01-4697-5E54-0EA63A732FD2}"/>
              </a:ext>
            </a:extLst>
          </p:cNvPr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477596" y="5071250"/>
            <a:ext cx="411480" cy="411480"/>
          </a:xfrm>
          <a:prstGeom prst="rect">
            <a:avLst/>
          </a:prstGeom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891E1A82-5848-3D60-D5B2-7EDD1BA1B9F8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99433" y="5071250"/>
            <a:ext cx="411480" cy="41148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66599AF2-489E-0AAB-0CE0-3F06D2902902}"/>
              </a:ext>
            </a:extLst>
          </p:cNvPr>
          <p:cNvSpPr txBox="1">
            <a:spLocks/>
          </p:cNvSpPr>
          <p:nvPr/>
        </p:nvSpPr>
        <p:spPr>
          <a:xfrm>
            <a:off x="1130016" y="2873040"/>
            <a:ext cx="3938833" cy="1581961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 defTabSz="914411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0" i="0" kern="120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0" marR="0" lvl="0" indent="0" algn="l" defTabSz="914411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charset="0"/>
                <a:cs typeface="Arial" charset="0"/>
              </a:rPr>
              <a:t>Thank you</a:t>
            </a:r>
            <a:br>
              <a:rPr kumimoji="0" lang="en-US" sz="3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charset="0"/>
                <a:cs typeface="Arial" charset="0"/>
              </a:rPr>
            </a:br>
            <a:r>
              <a:rPr kumimoji="0" lang="en-US" sz="3200" b="0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charset="0"/>
                <a:cs typeface="Arial" charset="0"/>
              </a:rPr>
              <a:t>Merci</a:t>
            </a:r>
            <a:endParaRPr kumimoji="0" lang="en-US" sz="3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charset="0"/>
              <a:cs typeface="Arial" charset="0"/>
            </a:endParaRPr>
          </a:p>
        </p:txBody>
      </p:sp>
      <p:sp>
        <p:nvSpPr>
          <p:cNvPr id="27" name="Text Placeholder 2">
            <a:extLst>
              <a:ext uri="{FF2B5EF4-FFF2-40B4-BE49-F238E27FC236}">
                <a16:creationId xmlns:a16="http://schemas.microsoft.com/office/drawing/2014/main" id="{05573725-FCAF-34D0-E085-FD7BC2C9BFFC}"/>
              </a:ext>
            </a:extLst>
          </p:cNvPr>
          <p:cNvSpPr txBox="1">
            <a:spLocks/>
          </p:cNvSpPr>
          <p:nvPr/>
        </p:nvSpPr>
        <p:spPr>
          <a:xfrm>
            <a:off x="1130261" y="4616740"/>
            <a:ext cx="3938587" cy="304113"/>
          </a:xfrm>
          <a:prstGeom prst="rect">
            <a:avLst/>
          </a:prstGeom>
        </p:spPr>
        <p:txBody>
          <a:bodyPr/>
          <a:lstStyle>
            <a:lvl1pPr marL="0" indent="0" algn="l" defTabSz="914411" rtl="0" eaLnBrk="1" latinLnBrk="0" hangingPunct="1">
              <a:lnSpc>
                <a:spcPct val="90000"/>
              </a:lnSpc>
              <a:spcBef>
                <a:spcPts val="1001"/>
              </a:spcBef>
              <a:buFontTx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9" indent="-228604" algn="l" defTabSz="914411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l" defTabSz="914411" rtl="0" eaLnBrk="1" latinLnBrk="0" hangingPunct="1">
              <a:lnSpc>
                <a:spcPct val="90000"/>
              </a:lnSpc>
              <a:spcBef>
                <a:spcPts val="500"/>
              </a:spcBef>
              <a:buFontTx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21" indent="-228604" algn="l" defTabSz="914411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27" indent="-228604" algn="l" defTabSz="914411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32" indent="-228604" algn="l" defTabSz="914411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38" indent="-228604" algn="l" defTabSz="914411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44" indent="-228604" algn="l" defTabSz="914411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49" indent="-228604" algn="l" defTabSz="914411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11" rtl="0" eaLnBrk="1" fontAlgn="auto" latinLnBrk="0" hangingPunct="1">
              <a:lnSpc>
                <a:spcPct val="90000"/>
              </a:lnSpc>
              <a:spcBef>
                <a:spcPts val="1001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Follow us </a:t>
            </a: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@TRIUMFLab</a:t>
            </a:r>
          </a:p>
        </p:txBody>
      </p:sp>
      <p:sp>
        <p:nvSpPr>
          <p:cNvPr id="28" name="Text Placeholder 3">
            <a:extLst>
              <a:ext uri="{FF2B5EF4-FFF2-40B4-BE49-F238E27FC236}">
                <a16:creationId xmlns:a16="http://schemas.microsoft.com/office/drawing/2014/main" id="{DE1CD4DC-B643-6654-696C-5A18C5712862}"/>
              </a:ext>
            </a:extLst>
          </p:cNvPr>
          <p:cNvSpPr txBox="1">
            <a:spLocks/>
          </p:cNvSpPr>
          <p:nvPr/>
        </p:nvSpPr>
        <p:spPr>
          <a:xfrm>
            <a:off x="1130016" y="4242120"/>
            <a:ext cx="3938587" cy="374620"/>
          </a:xfrm>
          <a:prstGeom prst="rect">
            <a:avLst/>
          </a:prstGeom>
        </p:spPr>
        <p:txBody>
          <a:bodyPr/>
          <a:lstStyle>
            <a:lvl1pPr marL="0" indent="0" algn="l" defTabSz="914411" rtl="0" eaLnBrk="1" latinLnBrk="0" hangingPunct="1">
              <a:lnSpc>
                <a:spcPct val="90000"/>
              </a:lnSpc>
              <a:spcBef>
                <a:spcPts val="1001"/>
              </a:spcBef>
              <a:buFontTx/>
              <a:buNone/>
              <a:defRPr sz="2000" b="1" kern="1200">
                <a:solidFill>
                  <a:srgbClr val="00B0F0"/>
                </a:solidFill>
                <a:latin typeface="+mn-lt"/>
                <a:ea typeface="+mn-ea"/>
                <a:cs typeface="+mn-cs"/>
              </a:defRPr>
            </a:lvl1pPr>
            <a:lvl2pPr marL="685809" indent="-228604" algn="l" defTabSz="914411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l" defTabSz="914411" rtl="0" eaLnBrk="1" latinLnBrk="0" hangingPunct="1">
              <a:lnSpc>
                <a:spcPct val="90000"/>
              </a:lnSpc>
              <a:spcBef>
                <a:spcPts val="500"/>
              </a:spcBef>
              <a:buFontTx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21" indent="-228604" algn="l" defTabSz="914411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27" indent="-228604" algn="l" defTabSz="914411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32" indent="-228604" algn="l" defTabSz="914411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38" indent="-228604" algn="l" defTabSz="914411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44" indent="-228604" algn="l" defTabSz="914411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49" indent="-228604" algn="l" defTabSz="914411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11" rtl="0" eaLnBrk="1" fontAlgn="auto" latinLnBrk="0" hangingPunct="1">
              <a:lnSpc>
                <a:spcPct val="90000"/>
              </a:lnSpc>
              <a:spcBef>
                <a:spcPts val="1001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www.triumf.ca</a:t>
            </a:r>
          </a:p>
        </p:txBody>
      </p:sp>
    </p:spTree>
    <p:extLst>
      <p:ext uri="{BB962C8B-B14F-4D97-AF65-F5344CB8AC3E}">
        <p14:creationId xmlns:p14="http://schemas.microsoft.com/office/powerpoint/2010/main" val="4227756804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B56598-A4B4-4BFB-9657-E23C063B9448}"/>
              </a:ext>
            </a:extLst>
          </p:cNvPr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r>
              <a:rPr lang="en-CA" sz="2400" b="0"/>
              <a:t>ARIEL </a:t>
            </a:r>
            <a:r>
              <a:rPr lang="en-CA" sz="2400" b="0" err="1"/>
              <a:t>Targetry</a:t>
            </a:r>
            <a:r>
              <a:rPr lang="en-CA" sz="2400" b="0"/>
              <a:t> Systems</a:t>
            </a:r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FC59DDCC-90B3-4CDD-9F31-9CAFB233F843}"/>
              </a:ext>
            </a:extLst>
          </p:cNvPr>
          <p:cNvSpPr txBox="1">
            <a:spLocks/>
          </p:cNvSpPr>
          <p:nvPr/>
        </p:nvSpPr>
        <p:spPr>
          <a:xfrm>
            <a:off x="2099956" y="1204087"/>
            <a:ext cx="4904510" cy="1802953"/>
          </a:xfrm>
          <a:prstGeom prst="rect">
            <a:avLst/>
          </a:prstGeom>
        </p:spPr>
        <p:txBody>
          <a:bodyPr anchor="t">
            <a:normAutofit/>
          </a:bodyPr>
          <a:lstStyle>
            <a:lvl1pPr>
              <a:lnSpc>
                <a:spcPct val="90000"/>
              </a:lnSpc>
              <a:spcBef>
                <a:spcPct val="0"/>
              </a:spcBef>
              <a:buNone/>
              <a:defRPr sz="4000" b="1" i="0">
                <a:solidFill>
                  <a:srgbClr val="00B0F0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>
              <a:ln>
                <a:noFill/>
              </a:ln>
              <a:solidFill>
                <a:srgbClr val="00B0F0"/>
              </a:solidFill>
              <a:effectLst/>
              <a:uLnTx/>
              <a:uFillTx/>
              <a:latin typeface="Arial" panose="020B0604020202020204"/>
              <a:cs typeface="Arial" charset="0"/>
            </a:endParaRPr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44913F8C-FB01-418E-957B-2514D937DE3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429526" y="134870"/>
            <a:ext cx="9464745" cy="612424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3D4E34FB-6EE6-41CE-9E7F-D11E49B5CF4E}"/>
              </a:ext>
            </a:extLst>
          </p:cNvPr>
          <p:cNvSpPr txBox="1"/>
          <p:nvPr/>
        </p:nvSpPr>
        <p:spPr>
          <a:xfrm>
            <a:off x="4232803" y="2627996"/>
            <a:ext cx="159188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module storage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E321084-0C13-4026-8488-042007675D84}"/>
              </a:ext>
            </a:extLst>
          </p:cNvPr>
          <p:cNvSpPr txBox="1"/>
          <p:nvPr/>
        </p:nvSpPr>
        <p:spPr>
          <a:xfrm>
            <a:off x="6446221" y="3803274"/>
            <a:ext cx="27921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AA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pent target storage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08FA97D-6E2C-4F37-8149-10350F4F9AFD}"/>
              </a:ext>
            </a:extLst>
          </p:cNvPr>
          <p:cNvSpPr txBox="1"/>
          <p:nvPr/>
        </p:nvSpPr>
        <p:spPr>
          <a:xfrm>
            <a:off x="5212905" y="4840571"/>
            <a:ext cx="11714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roton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96C5B6AA-CA8A-4DE6-B3B3-661CC8243375}"/>
              </a:ext>
            </a:extLst>
          </p:cNvPr>
          <p:cNvSpPr txBox="1"/>
          <p:nvPr/>
        </p:nvSpPr>
        <p:spPr>
          <a:xfrm>
            <a:off x="3804238" y="4365715"/>
            <a:ext cx="174880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electrons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99B7EEBE-D0EC-44D6-8236-A406DBF750A4}"/>
              </a:ext>
            </a:extLst>
          </p:cNvPr>
          <p:cNvSpPr txBox="1"/>
          <p:nvPr/>
        </p:nvSpPr>
        <p:spPr>
          <a:xfrm>
            <a:off x="3440594" y="3291452"/>
            <a:ext cx="13877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ETE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7880C42B-6765-4D2A-B634-8E2796271C2A}"/>
              </a:ext>
            </a:extLst>
          </p:cNvPr>
          <p:cNvSpPr txBox="1"/>
          <p:nvPr/>
        </p:nvSpPr>
        <p:spPr>
          <a:xfrm>
            <a:off x="4608832" y="3677910"/>
            <a:ext cx="171944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PTW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0EA42030-2EA1-4114-9CF9-075C16CDE82B}"/>
              </a:ext>
            </a:extLst>
          </p:cNvPr>
          <p:cNvSpPr txBox="1"/>
          <p:nvPr/>
        </p:nvSpPr>
        <p:spPr>
          <a:xfrm rot="20271290">
            <a:off x="8164150" y="3947050"/>
            <a:ext cx="34930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drivers beam tunnel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2C3A150D-474D-4102-88C8-AD7CC513512E}"/>
              </a:ext>
            </a:extLst>
          </p:cNvPr>
          <p:cNvSpPr txBox="1"/>
          <p:nvPr/>
        </p:nvSpPr>
        <p:spPr>
          <a:xfrm>
            <a:off x="4420219" y="5085512"/>
            <a:ext cx="11714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RIB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4BCA9571-6054-40A0-A838-281DAB5480F7}"/>
              </a:ext>
            </a:extLst>
          </p:cNvPr>
          <p:cNvSpPr txBox="1"/>
          <p:nvPr/>
        </p:nvSpPr>
        <p:spPr>
          <a:xfrm>
            <a:off x="3304855" y="4659990"/>
            <a:ext cx="187923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RIB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D638ABD4-6B18-4CC2-B4EF-0E1FB61694EF}"/>
              </a:ext>
            </a:extLst>
          </p:cNvPr>
          <p:cNvSpPr txBox="1"/>
          <p:nvPr/>
        </p:nvSpPr>
        <p:spPr>
          <a:xfrm>
            <a:off x="4095681" y="4056511"/>
            <a:ext cx="11714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>
                <a:ln>
                  <a:noFill/>
                </a:ln>
                <a:solidFill>
                  <a:srgbClr val="00B0F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STM</a:t>
            </a:r>
          </a:p>
        </p:txBody>
      </p: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C71F3597-99BD-45D2-B797-0EFECA680EAE}"/>
              </a:ext>
            </a:extLst>
          </p:cNvPr>
          <p:cNvCxnSpPr>
            <a:cxnSpLocks/>
          </p:cNvCxnSpPr>
          <p:nvPr/>
        </p:nvCxnSpPr>
        <p:spPr>
          <a:xfrm flipH="1">
            <a:off x="6123051" y="1025918"/>
            <a:ext cx="2639121" cy="1886043"/>
          </a:xfrm>
          <a:prstGeom prst="straightConnector1">
            <a:avLst/>
          </a:prstGeom>
          <a:ln w="19050">
            <a:solidFill>
              <a:srgbClr val="00B0F0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4" name="TextBox 23">
            <a:extLst>
              <a:ext uri="{FF2B5EF4-FFF2-40B4-BE49-F238E27FC236}">
                <a16:creationId xmlns:a16="http://schemas.microsoft.com/office/drawing/2014/main" id="{4837F943-5DC4-4707-8DD9-C1735147CEB3}"/>
              </a:ext>
            </a:extLst>
          </p:cNvPr>
          <p:cNvSpPr txBox="1"/>
          <p:nvPr/>
        </p:nvSpPr>
        <p:spPr>
          <a:xfrm>
            <a:off x="7878895" y="656586"/>
            <a:ext cx="464058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60326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1145396" algn="l"/>
              </a:tabLst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Times New Roman" panose="02020603050405020304" pitchFamily="18" charset="0"/>
              </a:rPr>
              <a:t>Hot cell facilities</a:t>
            </a:r>
          </a:p>
        </p:txBody>
      </p: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1C8C61BC-31DF-4979-934C-BD949622D45B}"/>
              </a:ext>
            </a:extLst>
          </p:cNvPr>
          <p:cNvCxnSpPr>
            <a:cxnSpLocks/>
          </p:cNvCxnSpPr>
          <p:nvPr/>
        </p:nvCxnSpPr>
        <p:spPr>
          <a:xfrm flipH="1">
            <a:off x="5624246" y="365288"/>
            <a:ext cx="2130124" cy="1304100"/>
          </a:xfrm>
          <a:prstGeom prst="straightConnector1">
            <a:avLst/>
          </a:prstGeom>
          <a:ln w="19050">
            <a:solidFill>
              <a:srgbClr val="00B0F0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6" name="TextBox 25">
            <a:extLst>
              <a:ext uri="{FF2B5EF4-FFF2-40B4-BE49-F238E27FC236}">
                <a16:creationId xmlns:a16="http://schemas.microsoft.com/office/drawing/2014/main" id="{BAFF2FE7-6E68-4980-BB3B-549D00471DBC}"/>
              </a:ext>
            </a:extLst>
          </p:cNvPr>
          <p:cNvSpPr txBox="1"/>
          <p:nvPr/>
        </p:nvSpPr>
        <p:spPr>
          <a:xfrm>
            <a:off x="5755663" y="62813"/>
            <a:ext cx="576398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60326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1145396" algn="l"/>
              </a:tabLst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Times New Roman" panose="02020603050405020304" pitchFamily="18" charset="0"/>
              </a:rPr>
              <a:t>Remote-controlled crane</a:t>
            </a:r>
          </a:p>
        </p:txBody>
      </p:sp>
      <p:cxnSp>
        <p:nvCxnSpPr>
          <p:cNvPr id="27" name="Straight Arrow Connector 26">
            <a:extLst>
              <a:ext uri="{FF2B5EF4-FFF2-40B4-BE49-F238E27FC236}">
                <a16:creationId xmlns:a16="http://schemas.microsoft.com/office/drawing/2014/main" id="{2F4842E0-5A07-4967-9CD0-8DF904E1E58A}"/>
              </a:ext>
            </a:extLst>
          </p:cNvPr>
          <p:cNvCxnSpPr>
            <a:cxnSpLocks/>
          </p:cNvCxnSpPr>
          <p:nvPr/>
        </p:nvCxnSpPr>
        <p:spPr>
          <a:xfrm flipV="1">
            <a:off x="3276043" y="4366518"/>
            <a:ext cx="0" cy="1333267"/>
          </a:xfrm>
          <a:prstGeom prst="straightConnector1">
            <a:avLst/>
          </a:prstGeom>
          <a:ln w="19050">
            <a:solidFill>
              <a:srgbClr val="00B0F0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8" name="TextBox 27">
            <a:extLst>
              <a:ext uri="{FF2B5EF4-FFF2-40B4-BE49-F238E27FC236}">
                <a16:creationId xmlns:a16="http://schemas.microsoft.com/office/drawing/2014/main" id="{7DCA7F55-4EC0-4890-A68F-D28CC149FE6D}"/>
              </a:ext>
            </a:extLst>
          </p:cNvPr>
          <p:cNvSpPr txBox="1"/>
          <p:nvPr/>
        </p:nvSpPr>
        <p:spPr>
          <a:xfrm>
            <a:off x="2666554" y="5699785"/>
            <a:ext cx="251754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1145396" algn="l"/>
              </a:tabLst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Times New Roman" panose="02020603050405020304" pitchFamily="18" charset="0"/>
              </a:rPr>
              <a:t>2000 t of steel and concrete components</a:t>
            </a:r>
          </a:p>
        </p:txBody>
      </p: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CA94D177-12DB-4C5C-BBDD-241D1242079F}"/>
              </a:ext>
            </a:extLst>
          </p:cNvPr>
          <p:cNvCxnSpPr>
            <a:cxnSpLocks/>
          </p:cNvCxnSpPr>
          <p:nvPr/>
        </p:nvCxnSpPr>
        <p:spPr>
          <a:xfrm flipH="1" flipV="1">
            <a:off x="5005950" y="4688250"/>
            <a:ext cx="547093" cy="1060528"/>
          </a:xfrm>
          <a:prstGeom prst="straightConnector1">
            <a:avLst/>
          </a:prstGeom>
          <a:ln w="19050">
            <a:solidFill>
              <a:srgbClr val="00B0F0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0" name="TextBox 29">
            <a:extLst>
              <a:ext uri="{FF2B5EF4-FFF2-40B4-BE49-F238E27FC236}">
                <a16:creationId xmlns:a16="http://schemas.microsoft.com/office/drawing/2014/main" id="{C27FD357-09C7-4E6A-BD04-ECEE06CD2F11}"/>
              </a:ext>
            </a:extLst>
          </p:cNvPr>
          <p:cNvSpPr txBox="1"/>
          <p:nvPr/>
        </p:nvSpPr>
        <p:spPr>
          <a:xfrm>
            <a:off x="5093155" y="5836321"/>
            <a:ext cx="815250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1145396" algn="l"/>
              </a:tabLst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Times New Roman" panose="02020603050405020304" pitchFamily="18" charset="0"/>
              </a:rPr>
              <a:t>Modular </a:t>
            </a:r>
            <a:r>
              <a:rPr lang="en-US" sz="1600">
                <a:solidFill>
                  <a:schemeClr val="bg2">
                    <a:lumMod val="25000"/>
                  </a:schemeClr>
                </a:solidFill>
                <a:latin typeface="Arial" panose="020B0604020202020204"/>
                <a:cs typeface="Times New Roman" panose="02020603050405020304" pitchFamily="18" charset="0"/>
              </a:rPr>
              <a:t>RH </a:t>
            </a: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Times New Roman" panose="02020603050405020304" pitchFamily="18" charset="0"/>
              </a:rPr>
              <a:t>high-power infrastructure 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7A4FA685-486B-45BD-B108-032F9E620D57}"/>
              </a:ext>
            </a:extLst>
          </p:cNvPr>
          <p:cNvSpPr txBox="1"/>
          <p:nvPr/>
        </p:nvSpPr>
        <p:spPr>
          <a:xfrm>
            <a:off x="810065" y="2594870"/>
            <a:ext cx="1752463" cy="1077218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1145396" algn="l"/>
              </a:tabLst>
              <a:defRPr/>
            </a:pPr>
            <a:r>
              <a:rPr kumimoji="0" lang="en-US" sz="1600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lumMod val="25000"/>
                  </a:schemeClr>
                </a:solidFill>
                <a:effectLst/>
                <a:uLnTx/>
                <a:uFillTx/>
                <a:latin typeface="Arial" panose="020B0604020202020204"/>
                <a:ea typeface="+mn-ea"/>
                <a:cs typeface="Times New Roman" panose="02020603050405020304" pitchFamily="18" charset="0"/>
              </a:rPr>
              <a:t>Symbiotic medical target in APTW beam dump</a:t>
            </a:r>
          </a:p>
        </p:txBody>
      </p:sp>
      <p:cxnSp>
        <p:nvCxnSpPr>
          <p:cNvPr id="36" name="Straight Arrow Connector 35">
            <a:extLst>
              <a:ext uri="{FF2B5EF4-FFF2-40B4-BE49-F238E27FC236}">
                <a16:creationId xmlns:a16="http://schemas.microsoft.com/office/drawing/2014/main" id="{2BBD8E31-25DD-4156-86CD-B7104F969DC6}"/>
              </a:ext>
            </a:extLst>
          </p:cNvPr>
          <p:cNvCxnSpPr>
            <a:cxnSpLocks/>
            <a:endCxn id="18" idx="1"/>
          </p:cNvCxnSpPr>
          <p:nvPr/>
        </p:nvCxnSpPr>
        <p:spPr>
          <a:xfrm>
            <a:off x="2343218" y="3463129"/>
            <a:ext cx="1752463" cy="778048"/>
          </a:xfrm>
          <a:prstGeom prst="straightConnector1">
            <a:avLst/>
          </a:prstGeom>
          <a:ln w="19050">
            <a:solidFill>
              <a:srgbClr val="00B0F0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19" name="Picture 18" descr="A picture containing blue&#10;&#10;Description automatically generated">
            <a:extLst>
              <a:ext uri="{FF2B5EF4-FFF2-40B4-BE49-F238E27FC236}">
                <a16:creationId xmlns:a16="http://schemas.microsoft.com/office/drawing/2014/main" id="{03E87C1F-44D9-793C-F15B-574EEE3FBBDB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9483" t="20980" r="4585" b="8879"/>
          <a:stretch/>
        </p:blipFill>
        <p:spPr>
          <a:xfrm>
            <a:off x="8936919" y="1017338"/>
            <a:ext cx="2428568" cy="1488623"/>
          </a:xfrm>
          <a:prstGeom prst="rect">
            <a:avLst/>
          </a:prstGeom>
        </p:spPr>
      </p:pic>
      <p:pic>
        <p:nvPicPr>
          <p:cNvPr id="34" name="Picture 33" descr="A person standing in a factory&#10;&#10;Description automatically generated with low confidence">
            <a:extLst>
              <a:ext uri="{FF2B5EF4-FFF2-40B4-BE49-F238E27FC236}">
                <a16:creationId xmlns:a16="http://schemas.microsoft.com/office/drawing/2014/main" id="{D36AB4B9-4EEA-A5F1-9C5D-93F7908A913D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b="11149"/>
          <a:stretch/>
        </p:blipFill>
        <p:spPr>
          <a:xfrm>
            <a:off x="175153" y="656586"/>
            <a:ext cx="2316994" cy="1543994"/>
          </a:xfrm>
          <a:prstGeom prst="rect">
            <a:avLst/>
          </a:prstGeom>
        </p:spPr>
      </p:pic>
      <p:pic>
        <p:nvPicPr>
          <p:cNvPr id="3" name="Picture 2" descr="A picture containing indoor, dirty&#10;&#10;Description automatically generated">
            <a:extLst>
              <a:ext uri="{FF2B5EF4-FFF2-40B4-BE49-F238E27FC236}">
                <a16:creationId xmlns:a16="http://schemas.microsoft.com/office/drawing/2014/main" id="{5B5C121B-45B5-C8A7-956C-9D5729F0832F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9833"/>
          <a:stretch/>
        </p:blipFill>
        <p:spPr>
          <a:xfrm rot="5400000">
            <a:off x="402727" y="4202889"/>
            <a:ext cx="1808832" cy="22547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6988994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0BC70D25-C319-7E57-9FBD-E8415F5018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RIBs Availability from all ISAC Targets Over the Years</a:t>
            </a:r>
          </a:p>
        </p:txBody>
      </p:sp>
      <p:pic>
        <p:nvPicPr>
          <p:cNvPr id="15" name="Picture 14" descr="A picture containing text, plot, diagram, line&#10;&#10;Description automatically generated">
            <a:extLst>
              <a:ext uri="{FF2B5EF4-FFF2-40B4-BE49-F238E27FC236}">
                <a16:creationId xmlns:a16="http://schemas.microsoft.com/office/drawing/2014/main" id="{18ADCECD-6400-1AD0-00AC-3792322288AF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5173"/>
          <a:stretch/>
        </p:blipFill>
        <p:spPr>
          <a:xfrm>
            <a:off x="268146" y="662887"/>
            <a:ext cx="11251758" cy="6099504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2C54A889-442E-DE90-E9BE-AD2F0ECE048C}"/>
              </a:ext>
            </a:extLst>
          </p:cNvPr>
          <p:cNvSpPr txBox="1"/>
          <p:nvPr/>
        </p:nvSpPr>
        <p:spPr>
          <a:xfrm rot="16200000">
            <a:off x="10821111" y="1053665"/>
            <a:ext cx="687561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b="1" dirty="0"/>
              <a:t>[1/s]</a:t>
            </a:r>
          </a:p>
        </p:txBody>
      </p:sp>
    </p:spTree>
    <p:extLst>
      <p:ext uri="{BB962C8B-B14F-4D97-AF65-F5344CB8AC3E}">
        <p14:creationId xmlns:p14="http://schemas.microsoft.com/office/powerpoint/2010/main" val="32712994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" name="Picture 39">
            <a:extLst>
              <a:ext uri="{FF2B5EF4-FFF2-40B4-BE49-F238E27FC236}">
                <a16:creationId xmlns:a16="http://schemas.microsoft.com/office/drawing/2014/main" id="{C50C233D-36B4-AF41-B93D-9058BB51E740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7690" r="9910"/>
          <a:stretch/>
        </p:blipFill>
        <p:spPr>
          <a:xfrm rot="5400000">
            <a:off x="-1006062" y="1006061"/>
            <a:ext cx="6874408" cy="4862286"/>
          </a:xfrm>
          <a:prstGeom prst="rect">
            <a:avLst/>
          </a:prstGeom>
        </p:spPr>
      </p:pic>
      <p:sp>
        <p:nvSpPr>
          <p:cNvPr id="47" name="Rectangle 46">
            <a:extLst>
              <a:ext uri="{FF2B5EF4-FFF2-40B4-BE49-F238E27FC236}">
                <a16:creationId xmlns:a16="http://schemas.microsoft.com/office/drawing/2014/main" id="{DCA6FF59-A333-AE40-9C6C-A4BBA7DA45C6}"/>
              </a:ext>
            </a:extLst>
          </p:cNvPr>
          <p:cNvSpPr/>
          <p:nvPr/>
        </p:nvSpPr>
        <p:spPr>
          <a:xfrm>
            <a:off x="4862285" y="6052457"/>
            <a:ext cx="6705601" cy="80554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Title 1">
            <a:extLst>
              <a:ext uri="{FF2B5EF4-FFF2-40B4-BE49-F238E27FC236}">
                <a16:creationId xmlns:a16="http://schemas.microsoft.com/office/drawing/2014/main" id="{EB87FA9B-6FDE-684A-ADE9-E025E160CA77}"/>
              </a:ext>
            </a:extLst>
          </p:cNvPr>
          <p:cNvSpPr txBox="1">
            <a:spLocks/>
          </p:cNvSpPr>
          <p:nvPr/>
        </p:nvSpPr>
        <p:spPr>
          <a:xfrm>
            <a:off x="5459727" y="296562"/>
            <a:ext cx="6354510" cy="999575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600" kern="1200">
                <a:solidFill>
                  <a:srgbClr val="00B0F0"/>
                </a:solidFill>
                <a:latin typeface="+mn-lt"/>
                <a:ea typeface="+mj-ea"/>
                <a:cs typeface="+mj-cs"/>
              </a:defRPr>
            </a:lvl1pPr>
          </a:lstStyle>
          <a:p>
            <a:r>
              <a:rPr lang="en-CA" sz="2400" dirty="0"/>
              <a:t>Tripling TRIUMF‘s Radioisotope Science Program </a:t>
            </a:r>
          </a:p>
          <a:p>
            <a:endParaRPr lang="en-CA" sz="2400" dirty="0"/>
          </a:p>
          <a:p>
            <a:r>
              <a:rPr lang="en-CA" sz="2400" dirty="0"/>
              <a:t>Advanced Radioisotope Laboratory (ARIEL)</a:t>
            </a:r>
          </a:p>
          <a:p>
            <a:endParaRPr lang="en-CA" sz="1800" dirty="0"/>
          </a:p>
          <a:p>
            <a:pPr marL="342900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 sz="20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ARIEL-I (2012 - 2014)</a:t>
            </a:r>
            <a:br>
              <a:rPr lang="en-CA" sz="2000" dirty="0">
                <a:solidFill>
                  <a:schemeClr val="tx1">
                    <a:lumMod val="85000"/>
                    <a:lumOff val="15000"/>
                  </a:schemeClr>
                </a:solidFill>
              </a:rPr>
            </a:br>
            <a:r>
              <a:rPr lang="en-CA" sz="20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e-linac, beam tunnel, target building</a:t>
            </a:r>
            <a:br>
              <a:rPr lang="en-CA" sz="2000" dirty="0">
                <a:solidFill>
                  <a:schemeClr val="tx1">
                    <a:lumMod val="85000"/>
                    <a:lumOff val="15000"/>
                  </a:schemeClr>
                </a:solidFill>
              </a:rPr>
            </a:br>
            <a:endParaRPr lang="en-CA" sz="2000" dirty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pPr marL="342900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 sz="20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ARIEL-II (2017 - 2028) </a:t>
            </a:r>
            <a:br>
              <a:rPr lang="en-CA" sz="2000" dirty="0">
                <a:solidFill>
                  <a:schemeClr val="tx1">
                    <a:lumMod val="85000"/>
                    <a:lumOff val="15000"/>
                  </a:schemeClr>
                </a:solidFill>
              </a:rPr>
            </a:br>
            <a:r>
              <a:rPr lang="en-CA" sz="20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target stations, shielding, hot cells, RIB distribution</a:t>
            </a:r>
            <a:br>
              <a:rPr lang="en-CA" sz="2000" dirty="0">
                <a:solidFill>
                  <a:schemeClr val="tx1">
                    <a:lumMod val="85000"/>
                    <a:lumOff val="15000"/>
                  </a:schemeClr>
                </a:solidFill>
              </a:rPr>
            </a:br>
            <a:endParaRPr lang="en-CA" sz="2000" dirty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pPr marL="342900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 sz="20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CANREB (2014 - 2019) </a:t>
            </a:r>
            <a:br>
              <a:rPr lang="en-CA" sz="2000" dirty="0">
                <a:solidFill>
                  <a:schemeClr val="tx1">
                    <a:lumMod val="85000"/>
                    <a:lumOff val="15000"/>
                  </a:schemeClr>
                </a:solidFill>
              </a:rPr>
            </a:br>
            <a:r>
              <a:rPr lang="en-CA" sz="20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charge state breeding and purification for post-acceleration in ISAC II</a:t>
            </a:r>
          </a:p>
          <a:p>
            <a:pPr marL="342900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endParaRPr lang="en-CA" sz="2000" dirty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pPr marL="342900" indent="-34290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 sz="20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Therapeutic Isotopes (2020 - 2028)</a:t>
            </a:r>
            <a:br>
              <a:rPr lang="en-CA" sz="2000" dirty="0">
                <a:solidFill>
                  <a:schemeClr val="tx1">
                    <a:lumMod val="85000"/>
                    <a:lumOff val="15000"/>
                  </a:schemeClr>
                </a:solidFill>
              </a:rPr>
            </a:br>
            <a:r>
              <a:rPr lang="en-CA" sz="20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production and processing of medical isotopes at ARIEL proton target station</a:t>
            </a:r>
            <a:br>
              <a:rPr lang="en-CA" sz="2000" dirty="0">
                <a:solidFill>
                  <a:schemeClr val="tx1">
                    <a:lumMod val="85000"/>
                    <a:lumOff val="15000"/>
                  </a:schemeClr>
                </a:solidFill>
              </a:rPr>
            </a:br>
            <a:endParaRPr lang="en-CA" sz="2000" dirty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r>
              <a:rPr lang="en-CA" sz="20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$200 million investment by federal and 6 provincial governments; supported by 21 universities across Canada, about 700 FTE years total effort. </a:t>
            </a:r>
          </a:p>
        </p:txBody>
      </p:sp>
    </p:spTree>
    <p:extLst>
      <p:ext uri="{BB962C8B-B14F-4D97-AF65-F5344CB8AC3E}">
        <p14:creationId xmlns:p14="http://schemas.microsoft.com/office/powerpoint/2010/main" val="1825677107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84A6EA-3288-66B6-6E49-64EAB3DE84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Origin of the Areas of Poor Isotope Release</a:t>
            </a:r>
          </a:p>
        </p:txBody>
      </p:sp>
      <p:pic>
        <p:nvPicPr>
          <p:cNvPr id="4" name="Picture 3" descr="A graph showing a graph showing a number of electrons&#10;&#10;Description automatically generated">
            <a:extLst>
              <a:ext uri="{FF2B5EF4-FFF2-40B4-BE49-F238E27FC236}">
                <a16:creationId xmlns:a16="http://schemas.microsoft.com/office/drawing/2014/main" id="{4F2C19C6-F2DD-DC00-6526-AAC251F4807D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981" r="4381"/>
          <a:stretch/>
        </p:blipFill>
        <p:spPr>
          <a:xfrm>
            <a:off x="232475" y="693883"/>
            <a:ext cx="9670845" cy="6099504"/>
          </a:xfrm>
          <a:prstGeom prst="rect">
            <a:avLst/>
          </a:prstGeom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887F4029-83C1-F2E2-DAE8-7368D9905F5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7759675" y="2519409"/>
            <a:ext cx="5370905" cy="23468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FAA6389D-E95E-0C1D-E3B2-A66FEBA54B10}"/>
              </a:ext>
            </a:extLst>
          </p:cNvPr>
          <p:cNvSpPr/>
          <p:nvPr/>
        </p:nvSpPr>
        <p:spPr>
          <a:xfrm>
            <a:off x="1069384" y="1937284"/>
            <a:ext cx="10368366" cy="449451"/>
          </a:xfrm>
          <a:prstGeom prst="rect">
            <a:avLst/>
          </a:prstGeom>
          <a:solidFill>
            <a:srgbClr val="00B0F0">
              <a:alpha val="30000"/>
            </a:srgbClr>
          </a:solidFill>
          <a:ln w="381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01361EC0-C76A-CA3A-5C7A-B43E585739D2}"/>
              </a:ext>
            </a:extLst>
          </p:cNvPr>
          <p:cNvSpPr/>
          <p:nvPr/>
        </p:nvSpPr>
        <p:spPr>
          <a:xfrm>
            <a:off x="1069384" y="3630136"/>
            <a:ext cx="10368366" cy="449451"/>
          </a:xfrm>
          <a:prstGeom prst="rect">
            <a:avLst/>
          </a:prstGeom>
          <a:solidFill>
            <a:srgbClr val="00B0F0">
              <a:alpha val="40000"/>
            </a:srgbClr>
          </a:solidFill>
          <a:ln w="381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10D27451-95F4-F607-E311-800B088AAB26}"/>
              </a:ext>
            </a:extLst>
          </p:cNvPr>
          <p:cNvSpPr/>
          <p:nvPr/>
        </p:nvSpPr>
        <p:spPr>
          <a:xfrm>
            <a:off x="1069384" y="5594885"/>
            <a:ext cx="10368366" cy="282505"/>
          </a:xfrm>
          <a:prstGeom prst="rect">
            <a:avLst/>
          </a:prstGeom>
          <a:solidFill>
            <a:srgbClr val="00B0F0">
              <a:alpha val="40000"/>
            </a:srgbClr>
          </a:solidFill>
          <a:ln w="381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FA52DFD8-DDA6-F2C9-4189-B3BD65A27508}"/>
              </a:ext>
            </a:extLst>
          </p:cNvPr>
          <p:cNvSpPr/>
          <p:nvPr/>
        </p:nvSpPr>
        <p:spPr>
          <a:xfrm>
            <a:off x="1069384" y="4788974"/>
            <a:ext cx="10368366" cy="143020"/>
          </a:xfrm>
          <a:prstGeom prst="rect">
            <a:avLst/>
          </a:prstGeom>
          <a:solidFill>
            <a:srgbClr val="00B0F0">
              <a:alpha val="40000"/>
            </a:srgbClr>
          </a:solidFill>
          <a:ln w="381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91EAFF22-BC64-E813-E217-FE9307CED557}"/>
              </a:ext>
            </a:extLst>
          </p:cNvPr>
          <p:cNvSpPr/>
          <p:nvPr/>
        </p:nvSpPr>
        <p:spPr>
          <a:xfrm>
            <a:off x="1069384" y="1146872"/>
            <a:ext cx="10368366" cy="306431"/>
          </a:xfrm>
          <a:prstGeom prst="rect">
            <a:avLst/>
          </a:prstGeom>
          <a:solidFill>
            <a:srgbClr val="00B0F0">
              <a:alpha val="30000"/>
            </a:srgbClr>
          </a:solidFill>
          <a:ln w="381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6D75A3C-40C6-DB0C-26D6-85CA66DAA449}"/>
              </a:ext>
            </a:extLst>
          </p:cNvPr>
          <p:cNvSpPr txBox="1"/>
          <p:nvPr/>
        </p:nvSpPr>
        <p:spPr>
          <a:xfrm>
            <a:off x="2516484" y="661305"/>
            <a:ext cx="5932009" cy="400110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sz="2000" b="1" dirty="0"/>
              <a:t>Experimental LE Isotope Rates at ISAC since 2000 [1/s]</a:t>
            </a:r>
          </a:p>
        </p:txBody>
      </p:sp>
    </p:spTree>
    <p:extLst>
      <p:ext uri="{BB962C8B-B14F-4D97-AF65-F5344CB8AC3E}">
        <p14:creationId xmlns:p14="http://schemas.microsoft.com/office/powerpoint/2010/main" val="29539009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7" grpId="0" animBg="1"/>
      <p:bldP spid="8" grpId="0" animBg="1"/>
      <p:bldP spid="9" grpId="0" animBg="1"/>
      <p:bldP spid="11" grpId="0" animBg="1"/>
    </p:bld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A graph showing a graph showing a number of electrons&#10;&#10;Description automatically generated">
            <a:extLst>
              <a:ext uri="{FF2B5EF4-FFF2-40B4-BE49-F238E27FC236}">
                <a16:creationId xmlns:a16="http://schemas.microsoft.com/office/drawing/2014/main" id="{67ADDE1B-F0EF-B4FF-24B8-ABB7309AB1AB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308"/>
          <a:stretch/>
        </p:blipFill>
        <p:spPr>
          <a:xfrm>
            <a:off x="6018510" y="1818000"/>
            <a:ext cx="5809399" cy="3474000"/>
          </a:xfrm>
          <a:prstGeom prst="rect">
            <a:avLst/>
          </a:prstGeom>
        </p:spPr>
      </p:pic>
      <p:pic>
        <p:nvPicPr>
          <p:cNvPr id="3" name="Picture 2" descr="A graph showing a curve&#10;&#10;Description automatically generated">
            <a:extLst>
              <a:ext uri="{FF2B5EF4-FFF2-40B4-BE49-F238E27FC236}">
                <a16:creationId xmlns:a16="http://schemas.microsoft.com/office/drawing/2014/main" id="{CADAE5D3-9426-4700-5E6A-1B7F76422CEC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714" r="4767"/>
          <a:stretch/>
        </p:blipFill>
        <p:spPr>
          <a:xfrm>
            <a:off x="120849" y="1818000"/>
            <a:ext cx="5567029" cy="34740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E173A228-194C-2A1E-7093-B08FBD0198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ISAC Isotope Extraction Efficiency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116C0F2D-A20D-EEA6-129D-DD05B06DDD4A}"/>
              </a:ext>
            </a:extLst>
          </p:cNvPr>
          <p:cNvSpPr txBox="1"/>
          <p:nvPr/>
        </p:nvSpPr>
        <p:spPr>
          <a:xfrm>
            <a:off x="286601" y="1578691"/>
            <a:ext cx="5761770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b="1" dirty="0"/>
              <a:t>Average experimental ISAC LE isotope rates from UC</a:t>
            </a:r>
            <a:r>
              <a:rPr lang="en-US" b="1" baseline="-25000" dirty="0"/>
              <a:t>x </a:t>
            </a:r>
            <a:r>
              <a:rPr lang="en-US" b="1" dirty="0"/>
              <a:t>[1/s]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A4177DC-8D7D-707F-8A17-59A55E8727D3}"/>
              </a:ext>
            </a:extLst>
          </p:cNvPr>
          <p:cNvSpPr txBox="1"/>
          <p:nvPr/>
        </p:nvSpPr>
        <p:spPr>
          <a:xfrm>
            <a:off x="6299944" y="1578691"/>
            <a:ext cx="5946436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b="1" dirty="0"/>
              <a:t>FLUKA ISAC in-target isotope production rates from UC</a:t>
            </a:r>
            <a:r>
              <a:rPr lang="en-US" b="1" baseline="-25000" dirty="0"/>
              <a:t>x </a:t>
            </a:r>
            <a:r>
              <a:rPr lang="en-US" b="1" dirty="0"/>
              <a:t>[1/s]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78FC5C2-675D-A0F2-C4A9-91A785854B81}"/>
              </a:ext>
            </a:extLst>
          </p:cNvPr>
          <p:cNvSpPr txBox="1"/>
          <p:nvPr/>
        </p:nvSpPr>
        <p:spPr>
          <a:xfrm>
            <a:off x="1810572" y="4429041"/>
            <a:ext cx="3218702" cy="338554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sz="1600" dirty="0"/>
              <a:t>scaled to 10 kW proton beam power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2D82706-F9C6-CC65-93A8-1E81A19FFF07}"/>
              </a:ext>
            </a:extLst>
          </p:cNvPr>
          <p:cNvSpPr txBox="1"/>
          <p:nvPr/>
        </p:nvSpPr>
        <p:spPr>
          <a:xfrm>
            <a:off x="8769311" y="4429041"/>
            <a:ext cx="2430537" cy="338554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sz="1600" dirty="0"/>
              <a:t>10 kW proton beam power</a:t>
            </a:r>
          </a:p>
        </p:txBody>
      </p:sp>
    </p:spTree>
    <p:extLst>
      <p:ext uri="{BB962C8B-B14F-4D97-AF65-F5344CB8AC3E}">
        <p14:creationId xmlns:p14="http://schemas.microsoft.com/office/powerpoint/2010/main" val="42271803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9" grpId="0" animBg="1"/>
    </p:bld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A graph showing a graph showing a number of electrons&#10;&#10;Description automatically generated">
            <a:extLst>
              <a:ext uri="{FF2B5EF4-FFF2-40B4-BE49-F238E27FC236}">
                <a16:creationId xmlns:a16="http://schemas.microsoft.com/office/drawing/2014/main" id="{67ADDE1B-F0EF-B4FF-24B8-ABB7309AB1AB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308"/>
          <a:stretch/>
        </p:blipFill>
        <p:spPr>
          <a:xfrm>
            <a:off x="6018510" y="1818000"/>
            <a:ext cx="5809399" cy="3474000"/>
          </a:xfrm>
          <a:prstGeom prst="rect">
            <a:avLst/>
          </a:prstGeom>
        </p:spPr>
      </p:pic>
      <p:pic>
        <p:nvPicPr>
          <p:cNvPr id="3" name="Picture 2" descr="A graph showing a curve&#10;&#10;Description automatically generated">
            <a:extLst>
              <a:ext uri="{FF2B5EF4-FFF2-40B4-BE49-F238E27FC236}">
                <a16:creationId xmlns:a16="http://schemas.microsoft.com/office/drawing/2014/main" id="{CADAE5D3-9426-4700-5E6A-1B7F76422CEC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714" r="4767"/>
          <a:stretch/>
        </p:blipFill>
        <p:spPr>
          <a:xfrm>
            <a:off x="120849" y="1818000"/>
            <a:ext cx="5567029" cy="34740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E173A228-194C-2A1E-7093-B08FBD0198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ISAC Isotope Extraction Efficiency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116C0F2D-A20D-EEA6-129D-DD05B06DDD4A}"/>
              </a:ext>
            </a:extLst>
          </p:cNvPr>
          <p:cNvSpPr txBox="1"/>
          <p:nvPr/>
        </p:nvSpPr>
        <p:spPr>
          <a:xfrm>
            <a:off x="286601" y="1578691"/>
            <a:ext cx="5761770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b="1" dirty="0"/>
              <a:t>Average experimental ISAC LE isotope rates from UC</a:t>
            </a:r>
            <a:r>
              <a:rPr lang="en-US" b="1" baseline="-25000" dirty="0"/>
              <a:t>x </a:t>
            </a:r>
            <a:r>
              <a:rPr lang="en-US" b="1" dirty="0"/>
              <a:t>[1/s]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A4177DC-8D7D-707F-8A17-59A55E8727D3}"/>
              </a:ext>
            </a:extLst>
          </p:cNvPr>
          <p:cNvSpPr txBox="1"/>
          <p:nvPr/>
        </p:nvSpPr>
        <p:spPr>
          <a:xfrm>
            <a:off x="6299944" y="1578691"/>
            <a:ext cx="5946436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b="1" dirty="0"/>
              <a:t>FLUKA ISAC in-target isotope production rates from UC</a:t>
            </a:r>
            <a:r>
              <a:rPr lang="en-US" b="1" baseline="-25000" dirty="0"/>
              <a:t>x </a:t>
            </a:r>
            <a:r>
              <a:rPr lang="en-US" b="1" dirty="0"/>
              <a:t>[1/s]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78FC5C2-675D-A0F2-C4A9-91A785854B81}"/>
              </a:ext>
            </a:extLst>
          </p:cNvPr>
          <p:cNvSpPr txBox="1"/>
          <p:nvPr/>
        </p:nvSpPr>
        <p:spPr>
          <a:xfrm>
            <a:off x="1810572" y="4429041"/>
            <a:ext cx="3218702" cy="338554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sz="1600" dirty="0"/>
              <a:t>scaled to 10 kW proton beam power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2D82706-F9C6-CC65-93A8-1E81A19FFF07}"/>
              </a:ext>
            </a:extLst>
          </p:cNvPr>
          <p:cNvSpPr txBox="1"/>
          <p:nvPr/>
        </p:nvSpPr>
        <p:spPr>
          <a:xfrm>
            <a:off x="7994396" y="4429041"/>
            <a:ext cx="3218702" cy="338554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sz="1600" dirty="0"/>
              <a:t>scaled to 10 kW proton beam power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15E4F07-7BD0-9C00-AD02-8A9CE29440A7}"/>
              </a:ext>
            </a:extLst>
          </p:cNvPr>
          <p:cNvSpPr/>
          <p:nvPr/>
        </p:nvSpPr>
        <p:spPr>
          <a:xfrm>
            <a:off x="120849" y="935223"/>
            <a:ext cx="11952331" cy="5734398"/>
          </a:xfrm>
          <a:prstGeom prst="rect">
            <a:avLst/>
          </a:prstGeom>
          <a:solidFill>
            <a:srgbClr val="FFFFFF">
              <a:alpha val="72157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Picture 4" descr="A graph showing a graph showing a graph showing a number of electrons&#10;&#10;Description automatically generated">
            <a:extLst>
              <a:ext uri="{FF2B5EF4-FFF2-40B4-BE49-F238E27FC236}">
                <a16:creationId xmlns:a16="http://schemas.microsoft.com/office/drawing/2014/main" id="{EA595555-00CC-05AF-4BB3-FEFD7139BD70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524"/>
          <a:stretch/>
        </p:blipFill>
        <p:spPr>
          <a:xfrm>
            <a:off x="1032912" y="783109"/>
            <a:ext cx="9577143" cy="5734398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5E0923B2-8707-936D-DEC0-04824D16865B}"/>
              </a:ext>
            </a:extLst>
          </p:cNvPr>
          <p:cNvSpPr txBox="1"/>
          <p:nvPr/>
        </p:nvSpPr>
        <p:spPr>
          <a:xfrm>
            <a:off x="3584072" y="726532"/>
            <a:ext cx="5359801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b="1" dirty="0"/>
              <a:t>Average isotope extraction efficiencies from ISAC UC</a:t>
            </a:r>
            <a:r>
              <a:rPr lang="en-US" b="1" baseline="-25000" dirty="0"/>
              <a:t>x</a:t>
            </a:r>
            <a:endParaRPr lang="en-US" b="1" dirty="0"/>
          </a:p>
        </p:txBody>
      </p:sp>
    </p:spTree>
    <p:extLst>
      <p:ext uri="{BB962C8B-B14F-4D97-AF65-F5344CB8AC3E}">
        <p14:creationId xmlns:p14="http://schemas.microsoft.com/office/powerpoint/2010/main" val="2833249076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AE1EC0-67C0-CFAC-CA80-9DD36C327C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lectron-Driven ISOL Challenges</a:t>
            </a:r>
          </a:p>
        </p:txBody>
      </p:sp>
      <p:grpSp>
        <p:nvGrpSpPr>
          <p:cNvPr id="991" name="Group 990">
            <a:extLst>
              <a:ext uri="{FF2B5EF4-FFF2-40B4-BE49-F238E27FC236}">
                <a16:creationId xmlns:a16="http://schemas.microsoft.com/office/drawing/2014/main" id="{F2A7EC4D-ACD9-6043-B6FA-0A415033C34E}"/>
              </a:ext>
            </a:extLst>
          </p:cNvPr>
          <p:cNvGrpSpPr/>
          <p:nvPr/>
        </p:nvGrpSpPr>
        <p:grpSpPr>
          <a:xfrm>
            <a:off x="576057" y="746797"/>
            <a:ext cx="3259925" cy="2019768"/>
            <a:chOff x="492784" y="555721"/>
            <a:chExt cx="2590900" cy="1605257"/>
          </a:xfrm>
        </p:grpSpPr>
        <p:sp>
          <p:nvSpPr>
            <p:cNvPr id="580" name="object 42">
              <a:extLst>
                <a:ext uri="{FF2B5EF4-FFF2-40B4-BE49-F238E27FC236}">
                  <a16:creationId xmlns:a16="http://schemas.microsoft.com/office/drawing/2014/main" id="{90B3D07A-AE6A-172F-170A-FEE8B98310E0}"/>
                </a:ext>
              </a:extLst>
            </p:cNvPr>
            <p:cNvSpPr/>
            <p:nvPr/>
          </p:nvSpPr>
          <p:spPr>
            <a:xfrm>
              <a:off x="1648901" y="816916"/>
              <a:ext cx="581025" cy="1274445"/>
            </a:xfrm>
            <a:custGeom>
              <a:avLst/>
              <a:gdLst/>
              <a:ahLst/>
              <a:cxnLst/>
              <a:rect l="l" t="t" r="r" b="b"/>
              <a:pathLst>
                <a:path w="581025" h="1274445">
                  <a:moveTo>
                    <a:pt x="12654" y="0"/>
                  </a:moveTo>
                  <a:lnTo>
                    <a:pt x="0" y="1266893"/>
                  </a:lnTo>
                  <a:lnTo>
                    <a:pt x="568029" y="1274285"/>
                  </a:lnTo>
                  <a:lnTo>
                    <a:pt x="580683" y="7392"/>
                  </a:lnTo>
                  <a:lnTo>
                    <a:pt x="12654" y="0"/>
                  </a:lnTo>
                  <a:close/>
                </a:path>
              </a:pathLst>
            </a:custGeom>
            <a:solidFill>
              <a:srgbClr val="59595C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1" name="object 43">
              <a:extLst>
                <a:ext uri="{FF2B5EF4-FFF2-40B4-BE49-F238E27FC236}">
                  <a16:creationId xmlns:a16="http://schemas.microsoft.com/office/drawing/2014/main" id="{502E4BB0-BAD4-3D68-2A29-69CC0CC5E0EE}"/>
                </a:ext>
              </a:extLst>
            </p:cNvPr>
            <p:cNvSpPr/>
            <p:nvPr/>
          </p:nvSpPr>
          <p:spPr>
            <a:xfrm>
              <a:off x="1648901" y="816916"/>
              <a:ext cx="581025" cy="1274445"/>
            </a:xfrm>
            <a:custGeom>
              <a:avLst/>
              <a:gdLst/>
              <a:ahLst/>
              <a:cxnLst/>
              <a:rect l="l" t="t" r="r" b="b"/>
              <a:pathLst>
                <a:path w="581025" h="1274445">
                  <a:moveTo>
                    <a:pt x="0" y="1266893"/>
                  </a:moveTo>
                  <a:lnTo>
                    <a:pt x="12654" y="0"/>
                  </a:lnTo>
                  <a:lnTo>
                    <a:pt x="580683" y="7392"/>
                  </a:lnTo>
                  <a:lnTo>
                    <a:pt x="568029" y="1274285"/>
                  </a:lnTo>
                  <a:lnTo>
                    <a:pt x="0" y="1266893"/>
                  </a:lnTo>
                  <a:close/>
                </a:path>
              </a:pathLst>
            </a:custGeom>
            <a:ln w="5966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2" name="object 44">
              <a:extLst>
                <a:ext uri="{FF2B5EF4-FFF2-40B4-BE49-F238E27FC236}">
                  <a16:creationId xmlns:a16="http://schemas.microsoft.com/office/drawing/2014/main" id="{300DF8CD-B7C1-BC38-17F1-DB6818C42615}"/>
                </a:ext>
              </a:extLst>
            </p:cNvPr>
            <p:cNvSpPr/>
            <p:nvPr/>
          </p:nvSpPr>
          <p:spPr>
            <a:xfrm>
              <a:off x="2178167" y="1361890"/>
              <a:ext cx="184335" cy="184341"/>
            </a:xfrm>
            <a:prstGeom prst="rect">
              <a:avLst/>
            </a:prstGeom>
            <a:blipFill>
              <a:blip r:embed="rId3" cstate="print"/>
              <a:stretch>
                <a:fillRect/>
              </a:stretch>
            </a:blip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3" name="object 45">
              <a:extLst>
                <a:ext uri="{FF2B5EF4-FFF2-40B4-BE49-F238E27FC236}">
                  <a16:creationId xmlns:a16="http://schemas.microsoft.com/office/drawing/2014/main" id="{F81A6D67-C028-75BC-A052-6183475A2591}"/>
                </a:ext>
              </a:extLst>
            </p:cNvPr>
            <p:cNvSpPr/>
            <p:nvPr/>
          </p:nvSpPr>
          <p:spPr>
            <a:xfrm>
              <a:off x="1461641" y="589988"/>
              <a:ext cx="467995" cy="1570990"/>
            </a:xfrm>
            <a:custGeom>
              <a:avLst/>
              <a:gdLst/>
              <a:ahLst/>
              <a:cxnLst/>
              <a:rect l="l" t="t" r="r" b="b"/>
              <a:pathLst>
                <a:path w="467995" h="1570989">
                  <a:moveTo>
                    <a:pt x="467675" y="0"/>
                  </a:moveTo>
                  <a:lnTo>
                    <a:pt x="0" y="377548"/>
                  </a:lnTo>
                  <a:lnTo>
                    <a:pt x="0" y="1193048"/>
                  </a:lnTo>
                  <a:lnTo>
                    <a:pt x="467669" y="1570596"/>
                  </a:lnTo>
                  <a:lnTo>
                    <a:pt x="467675" y="0"/>
                  </a:lnTo>
                  <a:close/>
                </a:path>
              </a:pathLst>
            </a:custGeom>
            <a:solidFill>
              <a:srgbClr val="0DB253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4" name="object 46">
              <a:extLst>
                <a:ext uri="{FF2B5EF4-FFF2-40B4-BE49-F238E27FC236}">
                  <a16:creationId xmlns:a16="http://schemas.microsoft.com/office/drawing/2014/main" id="{3A161AB8-4033-DBA0-21DA-E31C810ADF62}"/>
                </a:ext>
              </a:extLst>
            </p:cNvPr>
            <p:cNvSpPr/>
            <p:nvPr/>
          </p:nvSpPr>
          <p:spPr>
            <a:xfrm>
              <a:off x="1253345" y="950493"/>
              <a:ext cx="0" cy="983615"/>
            </a:xfrm>
            <a:custGeom>
              <a:avLst/>
              <a:gdLst/>
              <a:ahLst/>
              <a:cxnLst/>
              <a:rect l="l" t="t" r="r" b="b"/>
              <a:pathLst>
                <a:path h="983614">
                  <a:moveTo>
                    <a:pt x="0" y="0"/>
                  </a:moveTo>
                  <a:lnTo>
                    <a:pt x="0" y="983248"/>
                  </a:lnTo>
                </a:path>
              </a:pathLst>
            </a:custGeom>
            <a:ln w="31185">
              <a:solidFill>
                <a:srgbClr val="59595C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5" name="object 47">
              <a:extLst>
                <a:ext uri="{FF2B5EF4-FFF2-40B4-BE49-F238E27FC236}">
                  <a16:creationId xmlns:a16="http://schemas.microsoft.com/office/drawing/2014/main" id="{21CB094B-19D4-57DC-FFDA-D6CE50F7E032}"/>
                </a:ext>
              </a:extLst>
            </p:cNvPr>
            <p:cNvSpPr/>
            <p:nvPr/>
          </p:nvSpPr>
          <p:spPr>
            <a:xfrm>
              <a:off x="1268931" y="950493"/>
              <a:ext cx="185420" cy="983615"/>
            </a:xfrm>
            <a:custGeom>
              <a:avLst/>
              <a:gdLst/>
              <a:ahLst/>
              <a:cxnLst/>
              <a:rect l="l" t="t" r="r" b="b"/>
              <a:pathLst>
                <a:path w="185420" h="983614">
                  <a:moveTo>
                    <a:pt x="0" y="0"/>
                  </a:moveTo>
                  <a:lnTo>
                    <a:pt x="185206" y="0"/>
                  </a:lnTo>
                  <a:lnTo>
                    <a:pt x="185206" y="983248"/>
                  </a:lnTo>
                  <a:lnTo>
                    <a:pt x="0" y="98324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231F20">
                <a:alpha val="41998"/>
              </a:srgbClr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6" name="object 48">
              <a:extLst>
                <a:ext uri="{FF2B5EF4-FFF2-40B4-BE49-F238E27FC236}">
                  <a16:creationId xmlns:a16="http://schemas.microsoft.com/office/drawing/2014/main" id="{42F64ACF-25A7-1557-A4E7-7AD84062F9F2}"/>
                </a:ext>
              </a:extLst>
            </p:cNvPr>
            <p:cNvSpPr txBox="1"/>
            <p:nvPr/>
          </p:nvSpPr>
          <p:spPr>
            <a:xfrm>
              <a:off x="649642" y="1080074"/>
              <a:ext cx="211454" cy="246141"/>
            </a:xfrm>
            <a:prstGeom prst="rect">
              <a:avLst/>
            </a:prstGeom>
          </p:spPr>
          <p:txBody>
            <a:bodyPr vert="horz" wrap="square" lIns="0" tIns="1714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135"/>
                </a:spcBef>
              </a:pPr>
              <a:r>
                <a:rPr sz="2100" spc="75" baseline="-23809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e</a:t>
              </a:r>
              <a:r>
                <a:rPr sz="1900" spc="5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-</a:t>
              </a:r>
              <a:endParaRPr sz="190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587" name="object 49">
              <a:extLst>
                <a:ext uri="{FF2B5EF4-FFF2-40B4-BE49-F238E27FC236}">
                  <a16:creationId xmlns:a16="http://schemas.microsoft.com/office/drawing/2014/main" id="{C9FE43B1-C9A8-0AC8-159A-1F3B2EA2CF80}"/>
                </a:ext>
              </a:extLst>
            </p:cNvPr>
            <p:cNvSpPr/>
            <p:nvPr/>
          </p:nvSpPr>
          <p:spPr>
            <a:xfrm>
              <a:off x="503111" y="1323461"/>
              <a:ext cx="129815" cy="129815"/>
            </a:xfrm>
            <a:prstGeom prst="rect">
              <a:avLst/>
            </a:prstGeom>
            <a:blipFill>
              <a:blip r:embed="rId4" cstate="print"/>
              <a:stretch>
                <a:fillRect/>
              </a:stretch>
            </a:blip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8" name="object 50">
              <a:extLst>
                <a:ext uri="{FF2B5EF4-FFF2-40B4-BE49-F238E27FC236}">
                  <a16:creationId xmlns:a16="http://schemas.microsoft.com/office/drawing/2014/main" id="{807F02E8-23C3-E321-1095-09113B5B26E7}"/>
                </a:ext>
              </a:extLst>
            </p:cNvPr>
            <p:cNvSpPr/>
            <p:nvPr/>
          </p:nvSpPr>
          <p:spPr>
            <a:xfrm>
              <a:off x="509026" y="1466878"/>
              <a:ext cx="791845" cy="0"/>
            </a:xfrm>
            <a:custGeom>
              <a:avLst/>
              <a:gdLst/>
              <a:ahLst/>
              <a:cxnLst/>
              <a:rect l="l" t="t" r="r" b="b"/>
              <a:pathLst>
                <a:path w="791845">
                  <a:moveTo>
                    <a:pt x="0" y="0"/>
                  </a:moveTo>
                  <a:lnTo>
                    <a:pt x="791640" y="0"/>
                  </a:lnTo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89" name="object 51">
              <a:extLst>
                <a:ext uri="{FF2B5EF4-FFF2-40B4-BE49-F238E27FC236}">
                  <a16:creationId xmlns:a16="http://schemas.microsoft.com/office/drawing/2014/main" id="{EA39CC1B-E8B8-183B-7E04-3858B9443983}"/>
                </a:ext>
              </a:extLst>
            </p:cNvPr>
            <p:cNvSpPr/>
            <p:nvPr/>
          </p:nvSpPr>
          <p:spPr>
            <a:xfrm>
              <a:off x="509030" y="1466878"/>
              <a:ext cx="709930" cy="0"/>
            </a:xfrm>
            <a:custGeom>
              <a:avLst/>
              <a:gdLst/>
              <a:ahLst/>
              <a:cxnLst/>
              <a:rect l="l" t="t" r="r" b="b"/>
              <a:pathLst>
                <a:path w="709929">
                  <a:moveTo>
                    <a:pt x="709430" y="0"/>
                  </a:moveTo>
                  <a:lnTo>
                    <a:pt x="0" y="0"/>
                  </a:lnTo>
                </a:path>
              </a:pathLst>
            </a:custGeom>
            <a:ln w="35797">
              <a:solidFill>
                <a:srgbClr val="0C679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90" name="object 52">
              <a:extLst>
                <a:ext uri="{FF2B5EF4-FFF2-40B4-BE49-F238E27FC236}">
                  <a16:creationId xmlns:a16="http://schemas.microsoft.com/office/drawing/2014/main" id="{2EDC4840-E875-BC24-1B3C-9246A22871F0}"/>
                </a:ext>
              </a:extLst>
            </p:cNvPr>
            <p:cNvSpPr/>
            <p:nvPr/>
          </p:nvSpPr>
          <p:spPr>
            <a:xfrm>
              <a:off x="1201747" y="1409759"/>
              <a:ext cx="99060" cy="114300"/>
            </a:xfrm>
            <a:custGeom>
              <a:avLst/>
              <a:gdLst/>
              <a:ahLst/>
              <a:cxnLst/>
              <a:rect l="l" t="t" r="r" b="b"/>
              <a:pathLst>
                <a:path w="99060" h="114300">
                  <a:moveTo>
                    <a:pt x="0" y="0"/>
                  </a:moveTo>
                  <a:lnTo>
                    <a:pt x="0" y="114237"/>
                  </a:lnTo>
                  <a:lnTo>
                    <a:pt x="98921" y="5712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C6790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91" name="object 53">
              <a:extLst>
                <a:ext uri="{FF2B5EF4-FFF2-40B4-BE49-F238E27FC236}">
                  <a16:creationId xmlns:a16="http://schemas.microsoft.com/office/drawing/2014/main" id="{E42B0289-5874-A2E8-5027-78F5C74AF7FA}"/>
                </a:ext>
              </a:extLst>
            </p:cNvPr>
            <p:cNvSpPr txBox="1"/>
            <p:nvPr/>
          </p:nvSpPr>
          <p:spPr>
            <a:xfrm>
              <a:off x="1992002" y="555721"/>
              <a:ext cx="530225" cy="182440"/>
            </a:xfrm>
            <a:prstGeom prst="rect">
              <a:avLst/>
            </a:prstGeom>
          </p:spPr>
          <p:txBody>
            <a:bodyPr vert="horz" wrap="square" lIns="0" tIns="1397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110"/>
                </a:spcBef>
              </a:pPr>
              <a:r>
                <a:rPr sz="140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Target</a:t>
              </a:r>
              <a:endParaRPr sz="140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592" name="object 54">
              <a:extLst>
                <a:ext uri="{FF2B5EF4-FFF2-40B4-BE49-F238E27FC236}">
                  <a16:creationId xmlns:a16="http://schemas.microsoft.com/office/drawing/2014/main" id="{214EBA89-3D04-A3F9-3BCF-DFA13F4608C5}"/>
                </a:ext>
              </a:extLst>
            </p:cNvPr>
            <p:cNvSpPr txBox="1"/>
            <p:nvPr/>
          </p:nvSpPr>
          <p:spPr>
            <a:xfrm>
              <a:off x="492784" y="724396"/>
              <a:ext cx="798830" cy="182440"/>
            </a:xfrm>
            <a:prstGeom prst="rect">
              <a:avLst/>
            </a:prstGeom>
          </p:spPr>
          <p:txBody>
            <a:bodyPr vert="horz" wrap="square" lIns="0" tIns="1397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110"/>
                </a:spcBef>
              </a:pPr>
              <a:r>
                <a:rPr sz="1400" spc="-5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Converter</a:t>
              </a:r>
              <a:endParaRPr sz="1400" dirty="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593" name="object 55">
              <a:extLst>
                <a:ext uri="{FF2B5EF4-FFF2-40B4-BE49-F238E27FC236}">
                  <a16:creationId xmlns:a16="http://schemas.microsoft.com/office/drawing/2014/main" id="{4605B115-6B46-BD19-EBCB-51E51FA4AFC3}"/>
                </a:ext>
              </a:extLst>
            </p:cNvPr>
            <p:cNvSpPr txBox="1"/>
            <p:nvPr/>
          </p:nvSpPr>
          <p:spPr>
            <a:xfrm>
              <a:off x="1592170" y="1199330"/>
              <a:ext cx="128905" cy="250218"/>
            </a:xfrm>
            <a:prstGeom prst="rect">
              <a:avLst/>
            </a:prstGeom>
          </p:spPr>
          <p:txBody>
            <a:bodyPr vert="horz" wrap="square" lIns="0" tIns="14604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114"/>
                </a:spcBef>
              </a:pPr>
              <a:r>
                <a:rPr sz="1950" spc="35" dirty="0">
                  <a:solidFill>
                    <a:schemeClr val="bg2">
                      <a:lumMod val="25000"/>
                    </a:schemeClr>
                  </a:solidFill>
                  <a:cs typeface="Calibri"/>
                </a:rPr>
                <a:t>γ</a:t>
              </a:r>
              <a:endParaRPr sz="1950" dirty="0">
                <a:solidFill>
                  <a:schemeClr val="bg2">
                    <a:lumMod val="25000"/>
                  </a:schemeClr>
                </a:solidFill>
                <a:cs typeface="Calibri"/>
              </a:endParaRPr>
            </a:p>
          </p:txBody>
        </p:sp>
        <p:sp>
          <p:nvSpPr>
            <p:cNvPr id="5" name="object 53">
              <a:extLst>
                <a:ext uri="{FF2B5EF4-FFF2-40B4-BE49-F238E27FC236}">
                  <a16:creationId xmlns:a16="http://schemas.microsoft.com/office/drawing/2014/main" id="{36735ED2-4476-1C74-C868-991EC263EE54}"/>
                </a:ext>
              </a:extLst>
            </p:cNvPr>
            <p:cNvSpPr txBox="1"/>
            <p:nvPr/>
          </p:nvSpPr>
          <p:spPr>
            <a:xfrm>
              <a:off x="2448163" y="1215476"/>
              <a:ext cx="635521" cy="182440"/>
            </a:xfrm>
            <a:prstGeom prst="rect">
              <a:avLst/>
            </a:prstGeom>
          </p:spPr>
          <p:txBody>
            <a:bodyPr vert="horz" wrap="square" lIns="0" tIns="1397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110"/>
                </a:spcBef>
              </a:pPr>
              <a:r>
                <a:rPr lang="en-US" sz="140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Ion source</a:t>
              </a:r>
              <a:endParaRPr sz="1400" dirty="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</p:grpSp>
      <p:grpSp>
        <p:nvGrpSpPr>
          <p:cNvPr id="990" name="Group 989">
            <a:extLst>
              <a:ext uri="{FF2B5EF4-FFF2-40B4-BE49-F238E27FC236}">
                <a16:creationId xmlns:a16="http://schemas.microsoft.com/office/drawing/2014/main" id="{C70177B9-EA54-AC4E-1D49-647016460A05}"/>
              </a:ext>
            </a:extLst>
          </p:cNvPr>
          <p:cNvGrpSpPr/>
          <p:nvPr/>
        </p:nvGrpSpPr>
        <p:grpSpPr>
          <a:xfrm>
            <a:off x="360841" y="2398211"/>
            <a:ext cx="5774323" cy="3153777"/>
            <a:chOff x="505871" y="391114"/>
            <a:chExt cx="5774323" cy="3153777"/>
          </a:xfrm>
        </p:grpSpPr>
        <p:sp>
          <p:nvSpPr>
            <p:cNvPr id="577" name="object 39">
              <a:extLst>
                <a:ext uri="{FF2B5EF4-FFF2-40B4-BE49-F238E27FC236}">
                  <a16:creationId xmlns:a16="http://schemas.microsoft.com/office/drawing/2014/main" id="{17B0E42B-64DC-20B8-6D01-604D44E42AC3}"/>
                </a:ext>
              </a:extLst>
            </p:cNvPr>
            <p:cNvSpPr/>
            <p:nvPr/>
          </p:nvSpPr>
          <p:spPr>
            <a:xfrm>
              <a:off x="505871" y="2935241"/>
              <a:ext cx="1874520" cy="385445"/>
            </a:xfrm>
            <a:custGeom>
              <a:avLst/>
              <a:gdLst/>
              <a:ahLst/>
              <a:cxnLst/>
              <a:rect l="l" t="t" r="r" b="b"/>
              <a:pathLst>
                <a:path w="1874520" h="385445">
                  <a:moveTo>
                    <a:pt x="0" y="0"/>
                  </a:moveTo>
                  <a:lnTo>
                    <a:pt x="1874180" y="0"/>
                  </a:lnTo>
                  <a:lnTo>
                    <a:pt x="1874180" y="385286"/>
                  </a:lnTo>
                  <a:lnTo>
                    <a:pt x="0" y="385286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C6790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95" name="object 57">
              <a:extLst>
                <a:ext uri="{FF2B5EF4-FFF2-40B4-BE49-F238E27FC236}">
                  <a16:creationId xmlns:a16="http://schemas.microsoft.com/office/drawing/2014/main" id="{6F8E30BA-FD6C-47BD-DFA9-402C85048153}"/>
                </a:ext>
              </a:extLst>
            </p:cNvPr>
            <p:cNvSpPr/>
            <p:nvPr/>
          </p:nvSpPr>
          <p:spPr>
            <a:xfrm>
              <a:off x="3152030" y="2928174"/>
              <a:ext cx="124460" cy="413384"/>
            </a:xfrm>
            <a:custGeom>
              <a:avLst/>
              <a:gdLst/>
              <a:ahLst/>
              <a:cxnLst/>
              <a:rect l="l" t="t" r="r" b="b"/>
              <a:pathLst>
                <a:path w="124459" h="413385">
                  <a:moveTo>
                    <a:pt x="122810" y="0"/>
                  </a:moveTo>
                  <a:lnTo>
                    <a:pt x="0" y="99697"/>
                  </a:lnTo>
                  <a:lnTo>
                    <a:pt x="584" y="314317"/>
                  </a:lnTo>
                  <a:lnTo>
                    <a:pt x="123938" y="413346"/>
                  </a:lnTo>
                  <a:lnTo>
                    <a:pt x="122810" y="0"/>
                  </a:lnTo>
                  <a:close/>
                </a:path>
              </a:pathLst>
            </a:custGeom>
            <a:solidFill>
              <a:srgbClr val="0DB253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96" name="object 58">
              <a:extLst>
                <a:ext uri="{FF2B5EF4-FFF2-40B4-BE49-F238E27FC236}">
                  <a16:creationId xmlns:a16="http://schemas.microsoft.com/office/drawing/2014/main" id="{D29B0906-23AA-785A-A387-45C69253CE63}"/>
                </a:ext>
              </a:extLst>
            </p:cNvPr>
            <p:cNvSpPr/>
            <p:nvPr/>
          </p:nvSpPr>
          <p:spPr>
            <a:xfrm>
              <a:off x="3154318" y="3003320"/>
              <a:ext cx="0" cy="259079"/>
            </a:xfrm>
            <a:custGeom>
              <a:avLst/>
              <a:gdLst/>
              <a:ahLst/>
              <a:cxnLst/>
              <a:rect l="l" t="t" r="r" b="b"/>
              <a:pathLst>
                <a:path h="259079">
                  <a:moveTo>
                    <a:pt x="0" y="0"/>
                  </a:moveTo>
                  <a:lnTo>
                    <a:pt x="0" y="258788"/>
                  </a:lnTo>
                </a:path>
              </a:pathLst>
            </a:custGeom>
            <a:ln w="8907">
              <a:solidFill>
                <a:srgbClr val="59595C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97" name="object 59">
              <a:extLst>
                <a:ext uri="{FF2B5EF4-FFF2-40B4-BE49-F238E27FC236}">
                  <a16:creationId xmlns:a16="http://schemas.microsoft.com/office/drawing/2014/main" id="{1898739D-6FF4-EB16-D87C-658B412C8672}"/>
                </a:ext>
              </a:extLst>
            </p:cNvPr>
            <p:cNvSpPr/>
            <p:nvPr/>
          </p:nvSpPr>
          <p:spPr>
            <a:xfrm>
              <a:off x="3182789" y="3003186"/>
              <a:ext cx="0" cy="259079"/>
            </a:xfrm>
            <a:custGeom>
              <a:avLst/>
              <a:gdLst/>
              <a:ahLst/>
              <a:cxnLst/>
              <a:rect l="l" t="t" r="r" b="b"/>
              <a:pathLst>
                <a:path h="259079">
                  <a:moveTo>
                    <a:pt x="0" y="0"/>
                  </a:moveTo>
                  <a:lnTo>
                    <a:pt x="0" y="258896"/>
                  </a:lnTo>
                </a:path>
              </a:pathLst>
            </a:custGeom>
            <a:ln w="49442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598" name="object 60">
              <a:extLst>
                <a:ext uri="{FF2B5EF4-FFF2-40B4-BE49-F238E27FC236}">
                  <a16:creationId xmlns:a16="http://schemas.microsoft.com/office/drawing/2014/main" id="{0B7EAB20-8D60-1858-CEA7-C1BC5ACBE9EA}"/>
                </a:ext>
              </a:extLst>
            </p:cNvPr>
            <p:cNvSpPr txBox="1"/>
            <p:nvPr/>
          </p:nvSpPr>
          <p:spPr>
            <a:xfrm>
              <a:off x="759220" y="3315341"/>
              <a:ext cx="1520190" cy="229550"/>
            </a:xfrm>
            <a:prstGeom prst="rect">
              <a:avLst/>
            </a:prstGeom>
          </p:spPr>
          <p:txBody>
            <a:bodyPr vert="horz" wrap="square" lIns="0" tIns="1397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110"/>
                </a:spcBef>
              </a:pPr>
              <a:r>
                <a:rPr sz="140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e</a:t>
              </a:r>
              <a:r>
                <a:rPr sz="1200" baseline="3125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- </a:t>
              </a:r>
              <a:r>
                <a:rPr sz="140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30 MeV, 100</a:t>
              </a:r>
              <a:r>
                <a:rPr sz="1400" spc="-55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 </a:t>
              </a:r>
              <a:r>
                <a:rPr sz="1400" spc="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kW</a:t>
              </a:r>
              <a:endParaRPr sz="1400" dirty="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599" name="object 61">
              <a:extLst>
                <a:ext uri="{FF2B5EF4-FFF2-40B4-BE49-F238E27FC236}">
                  <a16:creationId xmlns:a16="http://schemas.microsoft.com/office/drawing/2014/main" id="{6B9ED104-79FB-990F-E458-3F4A7CEC29C4}"/>
                </a:ext>
              </a:extLst>
            </p:cNvPr>
            <p:cNvSpPr txBox="1"/>
            <p:nvPr/>
          </p:nvSpPr>
          <p:spPr>
            <a:xfrm rot="19800000">
              <a:off x="3742166" y="731103"/>
              <a:ext cx="806886" cy="181973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10"/>
                </a:lnSpc>
              </a:pPr>
              <a:r>
                <a:rPr sz="140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Separator</a:t>
              </a:r>
              <a:endParaRPr sz="140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00" name="object 62">
              <a:extLst>
                <a:ext uri="{FF2B5EF4-FFF2-40B4-BE49-F238E27FC236}">
                  <a16:creationId xmlns:a16="http://schemas.microsoft.com/office/drawing/2014/main" id="{CE249330-4BB6-BC5E-61F3-2E35B5D0B872}"/>
                </a:ext>
              </a:extLst>
            </p:cNvPr>
            <p:cNvSpPr txBox="1"/>
            <p:nvPr/>
          </p:nvSpPr>
          <p:spPr>
            <a:xfrm rot="19800000">
              <a:off x="3925292" y="1079137"/>
              <a:ext cx="612242" cy="181973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10"/>
                </a:lnSpc>
              </a:pPr>
              <a:r>
                <a:rPr sz="1400" spc="-2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magnet</a:t>
              </a:r>
              <a:endParaRPr sz="140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01" name="object 63">
              <a:extLst>
                <a:ext uri="{FF2B5EF4-FFF2-40B4-BE49-F238E27FC236}">
                  <a16:creationId xmlns:a16="http://schemas.microsoft.com/office/drawing/2014/main" id="{FBF79B1A-3F22-8046-474E-B0650851FED9}"/>
                </a:ext>
              </a:extLst>
            </p:cNvPr>
            <p:cNvSpPr/>
            <p:nvPr/>
          </p:nvSpPr>
          <p:spPr>
            <a:xfrm>
              <a:off x="3598340" y="2483059"/>
              <a:ext cx="215900" cy="125730"/>
            </a:xfrm>
            <a:custGeom>
              <a:avLst/>
              <a:gdLst/>
              <a:ahLst/>
              <a:cxnLst/>
              <a:rect l="l" t="t" r="r" b="b"/>
              <a:pathLst>
                <a:path w="215900" h="125729">
                  <a:moveTo>
                    <a:pt x="0" y="125405"/>
                  </a:moveTo>
                  <a:lnTo>
                    <a:pt x="215849" y="0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02" name="object 64">
              <a:extLst>
                <a:ext uri="{FF2B5EF4-FFF2-40B4-BE49-F238E27FC236}">
                  <a16:creationId xmlns:a16="http://schemas.microsoft.com/office/drawing/2014/main" id="{D9A400E5-4B31-056C-3E75-93C76034C7B2}"/>
                </a:ext>
              </a:extLst>
            </p:cNvPr>
            <p:cNvSpPr/>
            <p:nvPr/>
          </p:nvSpPr>
          <p:spPr>
            <a:xfrm>
              <a:off x="3807851" y="2336327"/>
              <a:ext cx="635" cy="160655"/>
            </a:xfrm>
            <a:custGeom>
              <a:avLst/>
              <a:gdLst/>
              <a:ahLst/>
              <a:cxnLst/>
              <a:rect l="l" t="t" r="r" b="b"/>
              <a:pathLst>
                <a:path w="634" h="160654">
                  <a:moveTo>
                    <a:pt x="214" y="-11932"/>
                  </a:moveTo>
                  <a:lnTo>
                    <a:pt x="214" y="172408"/>
                  </a:lnTo>
                </a:path>
              </a:pathLst>
            </a:custGeom>
            <a:ln w="24294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03" name="object 65">
              <a:extLst>
                <a:ext uri="{FF2B5EF4-FFF2-40B4-BE49-F238E27FC236}">
                  <a16:creationId xmlns:a16="http://schemas.microsoft.com/office/drawing/2014/main" id="{8B3EE2CC-1160-E851-A75B-F506AEDA81D0}"/>
                </a:ext>
              </a:extLst>
            </p:cNvPr>
            <p:cNvSpPr/>
            <p:nvPr/>
          </p:nvSpPr>
          <p:spPr>
            <a:xfrm>
              <a:off x="3301551" y="2484459"/>
              <a:ext cx="216535" cy="124460"/>
            </a:xfrm>
            <a:custGeom>
              <a:avLst/>
              <a:gdLst/>
              <a:ahLst/>
              <a:cxnLst/>
              <a:rect l="l" t="t" r="r" b="b"/>
              <a:pathLst>
                <a:path w="216534" h="124460">
                  <a:moveTo>
                    <a:pt x="216535" y="124224"/>
                  </a:moveTo>
                  <a:lnTo>
                    <a:pt x="0" y="0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0" name="object 72">
              <a:extLst>
                <a:ext uri="{FF2B5EF4-FFF2-40B4-BE49-F238E27FC236}">
                  <a16:creationId xmlns:a16="http://schemas.microsoft.com/office/drawing/2014/main" id="{066C7B9B-CEE0-64E8-22F7-E19CF2C6DE78}"/>
                </a:ext>
              </a:extLst>
            </p:cNvPr>
            <p:cNvSpPr/>
            <p:nvPr/>
          </p:nvSpPr>
          <p:spPr>
            <a:xfrm>
              <a:off x="5042775" y="77922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7" y="0"/>
                  </a:moveTo>
                  <a:lnTo>
                    <a:pt x="16596" y="4323"/>
                  </a:lnTo>
                  <a:lnTo>
                    <a:pt x="6532" y="13249"/>
                  </a:lnTo>
                  <a:lnTo>
                    <a:pt x="868" y="24937"/>
                  </a:lnTo>
                  <a:lnTo>
                    <a:pt x="0" y="37896"/>
                  </a:lnTo>
                  <a:lnTo>
                    <a:pt x="4323" y="50634"/>
                  </a:lnTo>
                  <a:lnTo>
                    <a:pt x="13252" y="60700"/>
                  </a:lnTo>
                  <a:lnTo>
                    <a:pt x="24939" y="66364"/>
                  </a:lnTo>
                  <a:lnTo>
                    <a:pt x="37896" y="67231"/>
                  </a:lnTo>
                  <a:lnTo>
                    <a:pt x="50634" y="62907"/>
                  </a:lnTo>
                  <a:lnTo>
                    <a:pt x="60700" y="53982"/>
                  </a:lnTo>
                  <a:lnTo>
                    <a:pt x="66365" y="42295"/>
                  </a:lnTo>
                  <a:lnTo>
                    <a:pt x="67234" y="29337"/>
                  </a:lnTo>
                  <a:lnTo>
                    <a:pt x="62913" y="16596"/>
                  </a:lnTo>
                  <a:lnTo>
                    <a:pt x="53984" y="6532"/>
                  </a:lnTo>
                  <a:lnTo>
                    <a:pt x="42296" y="868"/>
                  </a:lnTo>
                  <a:lnTo>
                    <a:pt x="29337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1" name="object 73">
              <a:extLst>
                <a:ext uri="{FF2B5EF4-FFF2-40B4-BE49-F238E27FC236}">
                  <a16:creationId xmlns:a16="http://schemas.microsoft.com/office/drawing/2014/main" id="{4A1FE233-C829-E9BF-4989-746CA23D65A3}"/>
                </a:ext>
              </a:extLst>
            </p:cNvPr>
            <p:cNvSpPr/>
            <p:nvPr/>
          </p:nvSpPr>
          <p:spPr>
            <a:xfrm>
              <a:off x="5042775" y="77922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6" y="4323"/>
                  </a:moveTo>
                  <a:lnTo>
                    <a:pt x="29337" y="0"/>
                  </a:lnTo>
                  <a:lnTo>
                    <a:pt x="42296" y="868"/>
                  </a:lnTo>
                  <a:lnTo>
                    <a:pt x="53984" y="6532"/>
                  </a:lnTo>
                  <a:lnTo>
                    <a:pt x="62913" y="16596"/>
                  </a:lnTo>
                  <a:lnTo>
                    <a:pt x="67234" y="29337"/>
                  </a:lnTo>
                  <a:lnTo>
                    <a:pt x="66365" y="42295"/>
                  </a:lnTo>
                  <a:lnTo>
                    <a:pt x="60700" y="53982"/>
                  </a:lnTo>
                  <a:lnTo>
                    <a:pt x="50634" y="62907"/>
                  </a:lnTo>
                  <a:lnTo>
                    <a:pt x="37896" y="67231"/>
                  </a:lnTo>
                  <a:lnTo>
                    <a:pt x="24939" y="66364"/>
                  </a:lnTo>
                  <a:lnTo>
                    <a:pt x="13252" y="60700"/>
                  </a:lnTo>
                  <a:lnTo>
                    <a:pt x="4323" y="50634"/>
                  </a:lnTo>
                  <a:lnTo>
                    <a:pt x="0" y="37896"/>
                  </a:lnTo>
                  <a:lnTo>
                    <a:pt x="868" y="24937"/>
                  </a:lnTo>
                  <a:lnTo>
                    <a:pt x="6532" y="13249"/>
                  </a:lnTo>
                  <a:lnTo>
                    <a:pt x="16596" y="4323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2" name="object 74">
              <a:extLst>
                <a:ext uri="{FF2B5EF4-FFF2-40B4-BE49-F238E27FC236}">
                  <a16:creationId xmlns:a16="http://schemas.microsoft.com/office/drawing/2014/main" id="{E20031BE-278C-C4E8-6D71-379921660E09}"/>
                </a:ext>
              </a:extLst>
            </p:cNvPr>
            <p:cNvSpPr/>
            <p:nvPr/>
          </p:nvSpPr>
          <p:spPr>
            <a:xfrm>
              <a:off x="5074388" y="795437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86" y="0"/>
                  </a:lnTo>
                  <a:lnTo>
                    <a:pt x="1235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3" name="object 75">
              <a:extLst>
                <a:ext uri="{FF2B5EF4-FFF2-40B4-BE49-F238E27FC236}">
                  <a16:creationId xmlns:a16="http://schemas.microsoft.com/office/drawing/2014/main" id="{5272A472-12B9-4B6B-DD12-F07B937922D0}"/>
                </a:ext>
              </a:extLst>
            </p:cNvPr>
            <p:cNvSpPr/>
            <p:nvPr/>
          </p:nvSpPr>
          <p:spPr>
            <a:xfrm>
              <a:off x="5061306" y="806616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16" y="13746"/>
                  </a:lnTo>
                  <a:lnTo>
                    <a:pt x="21967" y="19008"/>
                  </a:lnTo>
                  <a:lnTo>
                    <a:pt x="25338" y="17051"/>
                  </a:lnTo>
                  <a:lnTo>
                    <a:pt x="3191" y="0"/>
                  </a:lnTo>
                  <a:lnTo>
                    <a:pt x="0" y="1855"/>
                  </a:lnTo>
                  <a:lnTo>
                    <a:pt x="4409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4" name="object 76">
              <a:extLst>
                <a:ext uri="{FF2B5EF4-FFF2-40B4-BE49-F238E27FC236}">
                  <a16:creationId xmlns:a16="http://schemas.microsoft.com/office/drawing/2014/main" id="{D47F72A1-A74D-B91B-24D1-4DBC780F9B9F}"/>
                </a:ext>
              </a:extLst>
            </p:cNvPr>
            <p:cNvSpPr/>
            <p:nvPr/>
          </p:nvSpPr>
          <p:spPr>
            <a:xfrm>
              <a:off x="5064200" y="809934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57"/>
                  </a:lnTo>
                  <a:lnTo>
                    <a:pt x="548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49"/>
                  </a:lnTo>
                  <a:lnTo>
                    <a:pt x="4277" y="3717"/>
                  </a:lnTo>
                  <a:lnTo>
                    <a:pt x="10214" y="8555"/>
                  </a:lnTo>
                  <a:lnTo>
                    <a:pt x="2631" y="12964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5" name="object 77">
              <a:extLst>
                <a:ext uri="{FF2B5EF4-FFF2-40B4-BE49-F238E27FC236}">
                  <a16:creationId xmlns:a16="http://schemas.microsoft.com/office/drawing/2014/main" id="{CF7FB455-8A7A-75D7-4557-7C8A8C4CC5F1}"/>
                </a:ext>
              </a:extLst>
            </p:cNvPr>
            <p:cNvSpPr/>
            <p:nvPr/>
          </p:nvSpPr>
          <p:spPr>
            <a:xfrm>
              <a:off x="5042775" y="77922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7" y="0"/>
                  </a:moveTo>
                  <a:lnTo>
                    <a:pt x="16596" y="4323"/>
                  </a:lnTo>
                  <a:lnTo>
                    <a:pt x="6532" y="13249"/>
                  </a:lnTo>
                  <a:lnTo>
                    <a:pt x="868" y="24937"/>
                  </a:lnTo>
                  <a:lnTo>
                    <a:pt x="0" y="37896"/>
                  </a:lnTo>
                  <a:lnTo>
                    <a:pt x="4323" y="50634"/>
                  </a:lnTo>
                  <a:lnTo>
                    <a:pt x="13252" y="60700"/>
                  </a:lnTo>
                  <a:lnTo>
                    <a:pt x="24939" y="66364"/>
                  </a:lnTo>
                  <a:lnTo>
                    <a:pt x="37896" y="67231"/>
                  </a:lnTo>
                  <a:lnTo>
                    <a:pt x="50634" y="62907"/>
                  </a:lnTo>
                  <a:lnTo>
                    <a:pt x="60700" y="53982"/>
                  </a:lnTo>
                  <a:lnTo>
                    <a:pt x="66365" y="42295"/>
                  </a:lnTo>
                  <a:lnTo>
                    <a:pt x="67234" y="29337"/>
                  </a:lnTo>
                  <a:lnTo>
                    <a:pt x="62913" y="16596"/>
                  </a:lnTo>
                  <a:lnTo>
                    <a:pt x="53984" y="6532"/>
                  </a:lnTo>
                  <a:lnTo>
                    <a:pt x="42296" y="868"/>
                  </a:lnTo>
                  <a:lnTo>
                    <a:pt x="29337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6" name="object 78">
              <a:extLst>
                <a:ext uri="{FF2B5EF4-FFF2-40B4-BE49-F238E27FC236}">
                  <a16:creationId xmlns:a16="http://schemas.microsoft.com/office/drawing/2014/main" id="{4828AA82-2FE2-DE2D-99CB-4D3E84D36EDD}"/>
                </a:ext>
              </a:extLst>
            </p:cNvPr>
            <p:cNvSpPr/>
            <p:nvPr/>
          </p:nvSpPr>
          <p:spPr>
            <a:xfrm>
              <a:off x="5042775" y="77922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6" y="4323"/>
                  </a:moveTo>
                  <a:lnTo>
                    <a:pt x="29337" y="0"/>
                  </a:lnTo>
                  <a:lnTo>
                    <a:pt x="42296" y="868"/>
                  </a:lnTo>
                  <a:lnTo>
                    <a:pt x="53984" y="6532"/>
                  </a:lnTo>
                  <a:lnTo>
                    <a:pt x="62913" y="16596"/>
                  </a:lnTo>
                  <a:lnTo>
                    <a:pt x="67234" y="29337"/>
                  </a:lnTo>
                  <a:lnTo>
                    <a:pt x="66365" y="42295"/>
                  </a:lnTo>
                  <a:lnTo>
                    <a:pt x="60700" y="53982"/>
                  </a:lnTo>
                  <a:lnTo>
                    <a:pt x="50634" y="62907"/>
                  </a:lnTo>
                  <a:lnTo>
                    <a:pt x="37896" y="67231"/>
                  </a:lnTo>
                  <a:lnTo>
                    <a:pt x="24939" y="66364"/>
                  </a:lnTo>
                  <a:lnTo>
                    <a:pt x="13252" y="60700"/>
                  </a:lnTo>
                  <a:lnTo>
                    <a:pt x="4323" y="50634"/>
                  </a:lnTo>
                  <a:lnTo>
                    <a:pt x="0" y="37896"/>
                  </a:lnTo>
                  <a:lnTo>
                    <a:pt x="868" y="24937"/>
                  </a:lnTo>
                  <a:lnTo>
                    <a:pt x="6532" y="13249"/>
                  </a:lnTo>
                  <a:lnTo>
                    <a:pt x="16596" y="4323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7" name="object 79">
              <a:extLst>
                <a:ext uri="{FF2B5EF4-FFF2-40B4-BE49-F238E27FC236}">
                  <a16:creationId xmlns:a16="http://schemas.microsoft.com/office/drawing/2014/main" id="{96EFC5AE-9B6A-BDA1-52AD-A01C58B78E31}"/>
                </a:ext>
              </a:extLst>
            </p:cNvPr>
            <p:cNvSpPr/>
            <p:nvPr/>
          </p:nvSpPr>
          <p:spPr>
            <a:xfrm>
              <a:off x="5074388" y="795437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86" y="0"/>
                  </a:lnTo>
                  <a:lnTo>
                    <a:pt x="1235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18" name="object 80">
              <a:extLst>
                <a:ext uri="{FF2B5EF4-FFF2-40B4-BE49-F238E27FC236}">
                  <a16:creationId xmlns:a16="http://schemas.microsoft.com/office/drawing/2014/main" id="{2541D639-760F-9201-7FB8-FA8CC27F3851}"/>
                </a:ext>
              </a:extLst>
            </p:cNvPr>
            <p:cNvSpPr txBox="1"/>
            <p:nvPr/>
          </p:nvSpPr>
          <p:spPr>
            <a:xfrm rot="19800000">
              <a:off x="5046363" y="799459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19" name="object 81">
              <a:extLst>
                <a:ext uri="{FF2B5EF4-FFF2-40B4-BE49-F238E27FC236}">
                  <a16:creationId xmlns:a16="http://schemas.microsoft.com/office/drawing/2014/main" id="{ACEA0086-9A98-1150-D057-ADC522D1541F}"/>
                </a:ext>
              </a:extLst>
            </p:cNvPr>
            <p:cNvSpPr txBox="1"/>
            <p:nvPr/>
          </p:nvSpPr>
          <p:spPr>
            <a:xfrm rot="19800000">
              <a:off x="5068362" y="792845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20" name="object 82">
              <a:extLst>
                <a:ext uri="{FF2B5EF4-FFF2-40B4-BE49-F238E27FC236}">
                  <a16:creationId xmlns:a16="http://schemas.microsoft.com/office/drawing/2014/main" id="{4AF3FF8B-88AD-9394-7C02-6E93671E146F}"/>
                </a:ext>
              </a:extLst>
            </p:cNvPr>
            <p:cNvSpPr/>
            <p:nvPr/>
          </p:nvSpPr>
          <p:spPr>
            <a:xfrm>
              <a:off x="5061306" y="806616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16" y="13746"/>
                  </a:lnTo>
                  <a:lnTo>
                    <a:pt x="21967" y="19008"/>
                  </a:lnTo>
                  <a:lnTo>
                    <a:pt x="25338" y="17051"/>
                  </a:lnTo>
                  <a:lnTo>
                    <a:pt x="3191" y="0"/>
                  </a:lnTo>
                  <a:lnTo>
                    <a:pt x="0" y="1855"/>
                  </a:lnTo>
                  <a:lnTo>
                    <a:pt x="4409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21" name="object 83">
              <a:extLst>
                <a:ext uri="{FF2B5EF4-FFF2-40B4-BE49-F238E27FC236}">
                  <a16:creationId xmlns:a16="http://schemas.microsoft.com/office/drawing/2014/main" id="{04AB35F7-D7CA-FC6A-8958-BE0488CF3529}"/>
                </a:ext>
              </a:extLst>
            </p:cNvPr>
            <p:cNvSpPr/>
            <p:nvPr/>
          </p:nvSpPr>
          <p:spPr>
            <a:xfrm>
              <a:off x="5064200" y="809934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57"/>
                  </a:lnTo>
                  <a:lnTo>
                    <a:pt x="548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49"/>
                  </a:lnTo>
                  <a:lnTo>
                    <a:pt x="4277" y="3717"/>
                  </a:lnTo>
                  <a:lnTo>
                    <a:pt x="10214" y="8555"/>
                  </a:lnTo>
                  <a:lnTo>
                    <a:pt x="2631" y="12964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22" name="object 84">
              <a:extLst>
                <a:ext uri="{FF2B5EF4-FFF2-40B4-BE49-F238E27FC236}">
                  <a16:creationId xmlns:a16="http://schemas.microsoft.com/office/drawing/2014/main" id="{343E047C-34FA-E776-450E-E87733E54189}"/>
                </a:ext>
              </a:extLst>
            </p:cNvPr>
            <p:cNvSpPr/>
            <p:nvPr/>
          </p:nvSpPr>
          <p:spPr>
            <a:xfrm>
              <a:off x="4828551" y="777131"/>
              <a:ext cx="68522" cy="68520"/>
            </a:xfrm>
            <a:prstGeom prst="rect">
              <a:avLst/>
            </a:prstGeom>
            <a:blipFill>
              <a:blip r:embed="rId5" cstate="print"/>
              <a:stretch>
                <a:fillRect/>
              </a:stretch>
            </a:blip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23" name="object 85">
              <a:extLst>
                <a:ext uri="{FF2B5EF4-FFF2-40B4-BE49-F238E27FC236}">
                  <a16:creationId xmlns:a16="http://schemas.microsoft.com/office/drawing/2014/main" id="{5D6DF2A2-7570-88D5-B239-56E6328B5D83}"/>
                </a:ext>
              </a:extLst>
            </p:cNvPr>
            <p:cNvSpPr txBox="1"/>
            <p:nvPr/>
          </p:nvSpPr>
          <p:spPr>
            <a:xfrm rot="19800000">
              <a:off x="4854788" y="791398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24" name="object 86">
              <a:extLst>
                <a:ext uri="{FF2B5EF4-FFF2-40B4-BE49-F238E27FC236}">
                  <a16:creationId xmlns:a16="http://schemas.microsoft.com/office/drawing/2014/main" id="{8F7A00B3-968F-ECC5-A862-DA3C9BA2D7E7}"/>
                </a:ext>
              </a:extLst>
            </p:cNvPr>
            <p:cNvSpPr txBox="1"/>
            <p:nvPr/>
          </p:nvSpPr>
          <p:spPr>
            <a:xfrm rot="19800000">
              <a:off x="4834654" y="798270"/>
              <a:ext cx="43856" cy="38472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285"/>
                </a:lnSpc>
              </a:pPr>
              <a:r>
                <a:rPr sz="250" spc="15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25" name="object 87">
              <a:extLst>
                <a:ext uri="{FF2B5EF4-FFF2-40B4-BE49-F238E27FC236}">
                  <a16:creationId xmlns:a16="http://schemas.microsoft.com/office/drawing/2014/main" id="{B3B83355-9457-3386-8383-EE9354A7626F}"/>
                </a:ext>
              </a:extLst>
            </p:cNvPr>
            <p:cNvSpPr/>
            <p:nvPr/>
          </p:nvSpPr>
          <p:spPr>
            <a:xfrm>
              <a:off x="5352093" y="773883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40" y="0"/>
                  </a:moveTo>
                  <a:lnTo>
                    <a:pt x="16599" y="4321"/>
                  </a:lnTo>
                  <a:lnTo>
                    <a:pt x="6533" y="13249"/>
                  </a:lnTo>
                  <a:lnTo>
                    <a:pt x="868" y="24937"/>
                  </a:lnTo>
                  <a:lnTo>
                    <a:pt x="0" y="37894"/>
                  </a:lnTo>
                  <a:lnTo>
                    <a:pt x="4321" y="50631"/>
                  </a:lnTo>
                  <a:lnTo>
                    <a:pt x="13252" y="60700"/>
                  </a:lnTo>
                  <a:lnTo>
                    <a:pt x="24940" y="66365"/>
                  </a:lnTo>
                  <a:lnTo>
                    <a:pt x="37897" y="67232"/>
                  </a:lnTo>
                  <a:lnTo>
                    <a:pt x="50637" y="62910"/>
                  </a:lnTo>
                  <a:lnTo>
                    <a:pt x="60701" y="53982"/>
                  </a:lnTo>
                  <a:lnTo>
                    <a:pt x="66365" y="42296"/>
                  </a:lnTo>
                  <a:lnTo>
                    <a:pt x="67234" y="29337"/>
                  </a:lnTo>
                  <a:lnTo>
                    <a:pt x="62910" y="16594"/>
                  </a:lnTo>
                  <a:lnTo>
                    <a:pt x="53985" y="6531"/>
                  </a:lnTo>
                  <a:lnTo>
                    <a:pt x="42299" y="868"/>
                  </a:lnTo>
                  <a:lnTo>
                    <a:pt x="29340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26" name="object 88">
              <a:extLst>
                <a:ext uri="{FF2B5EF4-FFF2-40B4-BE49-F238E27FC236}">
                  <a16:creationId xmlns:a16="http://schemas.microsoft.com/office/drawing/2014/main" id="{A64BCB49-B949-B9F5-6916-A1B2BD8EF0F2}"/>
                </a:ext>
              </a:extLst>
            </p:cNvPr>
            <p:cNvSpPr/>
            <p:nvPr/>
          </p:nvSpPr>
          <p:spPr>
            <a:xfrm>
              <a:off x="5352093" y="773883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9" y="4321"/>
                  </a:moveTo>
                  <a:lnTo>
                    <a:pt x="29340" y="0"/>
                  </a:lnTo>
                  <a:lnTo>
                    <a:pt x="42299" y="868"/>
                  </a:lnTo>
                  <a:lnTo>
                    <a:pt x="53985" y="6531"/>
                  </a:lnTo>
                  <a:lnTo>
                    <a:pt x="62910" y="16594"/>
                  </a:lnTo>
                  <a:lnTo>
                    <a:pt x="67234" y="29337"/>
                  </a:lnTo>
                  <a:lnTo>
                    <a:pt x="66365" y="42296"/>
                  </a:lnTo>
                  <a:lnTo>
                    <a:pt x="60701" y="53982"/>
                  </a:lnTo>
                  <a:lnTo>
                    <a:pt x="50637" y="62910"/>
                  </a:lnTo>
                  <a:lnTo>
                    <a:pt x="37897" y="67232"/>
                  </a:lnTo>
                  <a:lnTo>
                    <a:pt x="24940" y="66365"/>
                  </a:lnTo>
                  <a:lnTo>
                    <a:pt x="13252" y="60700"/>
                  </a:lnTo>
                  <a:lnTo>
                    <a:pt x="4321" y="50631"/>
                  </a:lnTo>
                  <a:lnTo>
                    <a:pt x="0" y="37894"/>
                  </a:lnTo>
                  <a:lnTo>
                    <a:pt x="868" y="24937"/>
                  </a:lnTo>
                  <a:lnTo>
                    <a:pt x="6533" y="13249"/>
                  </a:lnTo>
                  <a:lnTo>
                    <a:pt x="16599" y="4321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27" name="object 89">
              <a:extLst>
                <a:ext uri="{FF2B5EF4-FFF2-40B4-BE49-F238E27FC236}">
                  <a16:creationId xmlns:a16="http://schemas.microsoft.com/office/drawing/2014/main" id="{8CE58DB5-07DA-95CC-7BA9-ADA20F69A440}"/>
                </a:ext>
              </a:extLst>
            </p:cNvPr>
            <p:cNvSpPr/>
            <p:nvPr/>
          </p:nvSpPr>
          <p:spPr>
            <a:xfrm>
              <a:off x="5383704" y="790091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86" y="0"/>
                  </a:lnTo>
                  <a:lnTo>
                    <a:pt x="1235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28" name="object 90">
              <a:extLst>
                <a:ext uri="{FF2B5EF4-FFF2-40B4-BE49-F238E27FC236}">
                  <a16:creationId xmlns:a16="http://schemas.microsoft.com/office/drawing/2014/main" id="{27FBB892-FF9C-16E2-DBBE-D34EDDDD03F3}"/>
                </a:ext>
              </a:extLst>
            </p:cNvPr>
            <p:cNvSpPr/>
            <p:nvPr/>
          </p:nvSpPr>
          <p:spPr>
            <a:xfrm>
              <a:off x="5370628" y="801285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16" y="13746"/>
                  </a:lnTo>
                  <a:lnTo>
                    <a:pt x="21967" y="19008"/>
                  </a:lnTo>
                  <a:lnTo>
                    <a:pt x="25338" y="17045"/>
                  </a:lnTo>
                  <a:lnTo>
                    <a:pt x="3191" y="0"/>
                  </a:lnTo>
                  <a:lnTo>
                    <a:pt x="0" y="1849"/>
                  </a:lnTo>
                  <a:lnTo>
                    <a:pt x="4409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29" name="object 91">
              <a:extLst>
                <a:ext uri="{FF2B5EF4-FFF2-40B4-BE49-F238E27FC236}">
                  <a16:creationId xmlns:a16="http://schemas.microsoft.com/office/drawing/2014/main" id="{DAF51B2E-2264-DC50-B650-2EA08C575CB0}"/>
                </a:ext>
              </a:extLst>
            </p:cNvPr>
            <p:cNvSpPr/>
            <p:nvPr/>
          </p:nvSpPr>
          <p:spPr>
            <a:xfrm>
              <a:off x="5373522" y="804596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63"/>
                  </a:lnTo>
                  <a:lnTo>
                    <a:pt x="548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55"/>
                  </a:lnTo>
                  <a:lnTo>
                    <a:pt x="4283" y="3717"/>
                  </a:lnTo>
                  <a:lnTo>
                    <a:pt x="10214" y="8561"/>
                  </a:lnTo>
                  <a:lnTo>
                    <a:pt x="2631" y="12964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30" name="object 92">
              <a:extLst>
                <a:ext uri="{FF2B5EF4-FFF2-40B4-BE49-F238E27FC236}">
                  <a16:creationId xmlns:a16="http://schemas.microsoft.com/office/drawing/2014/main" id="{510E2A48-2625-16EC-677F-BB31A14B2997}"/>
                </a:ext>
              </a:extLst>
            </p:cNvPr>
            <p:cNvSpPr/>
            <p:nvPr/>
          </p:nvSpPr>
          <p:spPr>
            <a:xfrm>
              <a:off x="5352093" y="773883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40" y="0"/>
                  </a:moveTo>
                  <a:lnTo>
                    <a:pt x="16599" y="4321"/>
                  </a:lnTo>
                  <a:lnTo>
                    <a:pt x="6533" y="13249"/>
                  </a:lnTo>
                  <a:lnTo>
                    <a:pt x="868" y="24937"/>
                  </a:lnTo>
                  <a:lnTo>
                    <a:pt x="0" y="37894"/>
                  </a:lnTo>
                  <a:lnTo>
                    <a:pt x="4321" y="50631"/>
                  </a:lnTo>
                  <a:lnTo>
                    <a:pt x="13252" y="60700"/>
                  </a:lnTo>
                  <a:lnTo>
                    <a:pt x="24940" y="66365"/>
                  </a:lnTo>
                  <a:lnTo>
                    <a:pt x="37897" y="67232"/>
                  </a:lnTo>
                  <a:lnTo>
                    <a:pt x="50637" y="62910"/>
                  </a:lnTo>
                  <a:lnTo>
                    <a:pt x="60701" y="53982"/>
                  </a:lnTo>
                  <a:lnTo>
                    <a:pt x="66365" y="42296"/>
                  </a:lnTo>
                  <a:lnTo>
                    <a:pt x="67234" y="29337"/>
                  </a:lnTo>
                  <a:lnTo>
                    <a:pt x="62910" y="16594"/>
                  </a:lnTo>
                  <a:lnTo>
                    <a:pt x="53985" y="6531"/>
                  </a:lnTo>
                  <a:lnTo>
                    <a:pt x="42299" y="868"/>
                  </a:lnTo>
                  <a:lnTo>
                    <a:pt x="29340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31" name="object 93">
              <a:extLst>
                <a:ext uri="{FF2B5EF4-FFF2-40B4-BE49-F238E27FC236}">
                  <a16:creationId xmlns:a16="http://schemas.microsoft.com/office/drawing/2014/main" id="{DE0B9C6A-A058-7B20-E476-5A35D53119F8}"/>
                </a:ext>
              </a:extLst>
            </p:cNvPr>
            <p:cNvSpPr/>
            <p:nvPr/>
          </p:nvSpPr>
          <p:spPr>
            <a:xfrm>
              <a:off x="5352093" y="773883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9" y="4321"/>
                  </a:moveTo>
                  <a:lnTo>
                    <a:pt x="29340" y="0"/>
                  </a:lnTo>
                  <a:lnTo>
                    <a:pt x="42299" y="868"/>
                  </a:lnTo>
                  <a:lnTo>
                    <a:pt x="53985" y="6531"/>
                  </a:lnTo>
                  <a:lnTo>
                    <a:pt x="62910" y="16594"/>
                  </a:lnTo>
                  <a:lnTo>
                    <a:pt x="67234" y="29337"/>
                  </a:lnTo>
                  <a:lnTo>
                    <a:pt x="66365" y="42296"/>
                  </a:lnTo>
                  <a:lnTo>
                    <a:pt x="60701" y="53982"/>
                  </a:lnTo>
                  <a:lnTo>
                    <a:pt x="50637" y="62910"/>
                  </a:lnTo>
                  <a:lnTo>
                    <a:pt x="37897" y="67232"/>
                  </a:lnTo>
                  <a:lnTo>
                    <a:pt x="24940" y="66365"/>
                  </a:lnTo>
                  <a:lnTo>
                    <a:pt x="13252" y="60700"/>
                  </a:lnTo>
                  <a:lnTo>
                    <a:pt x="4321" y="50631"/>
                  </a:lnTo>
                  <a:lnTo>
                    <a:pt x="0" y="37894"/>
                  </a:lnTo>
                  <a:lnTo>
                    <a:pt x="868" y="24937"/>
                  </a:lnTo>
                  <a:lnTo>
                    <a:pt x="6533" y="13249"/>
                  </a:lnTo>
                  <a:lnTo>
                    <a:pt x="16599" y="4321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32" name="object 94">
              <a:extLst>
                <a:ext uri="{FF2B5EF4-FFF2-40B4-BE49-F238E27FC236}">
                  <a16:creationId xmlns:a16="http://schemas.microsoft.com/office/drawing/2014/main" id="{941247F0-DE09-0DFD-90A3-F9DB34B212CC}"/>
                </a:ext>
              </a:extLst>
            </p:cNvPr>
            <p:cNvSpPr/>
            <p:nvPr/>
          </p:nvSpPr>
          <p:spPr>
            <a:xfrm>
              <a:off x="5383704" y="790091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86" y="0"/>
                  </a:lnTo>
                  <a:lnTo>
                    <a:pt x="1235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33" name="object 95">
              <a:extLst>
                <a:ext uri="{FF2B5EF4-FFF2-40B4-BE49-F238E27FC236}">
                  <a16:creationId xmlns:a16="http://schemas.microsoft.com/office/drawing/2014/main" id="{6035D682-161F-41FC-C156-F66093CDE25D}"/>
                </a:ext>
              </a:extLst>
            </p:cNvPr>
            <p:cNvSpPr txBox="1"/>
            <p:nvPr/>
          </p:nvSpPr>
          <p:spPr>
            <a:xfrm rot="19800000">
              <a:off x="5355685" y="794123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34" name="object 96">
              <a:extLst>
                <a:ext uri="{FF2B5EF4-FFF2-40B4-BE49-F238E27FC236}">
                  <a16:creationId xmlns:a16="http://schemas.microsoft.com/office/drawing/2014/main" id="{13329668-E469-974E-3CA5-6A82C2D5BC2B}"/>
                </a:ext>
              </a:extLst>
            </p:cNvPr>
            <p:cNvSpPr txBox="1"/>
            <p:nvPr/>
          </p:nvSpPr>
          <p:spPr>
            <a:xfrm rot="19800000">
              <a:off x="5377679" y="787499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35" name="object 97">
              <a:extLst>
                <a:ext uri="{FF2B5EF4-FFF2-40B4-BE49-F238E27FC236}">
                  <a16:creationId xmlns:a16="http://schemas.microsoft.com/office/drawing/2014/main" id="{F0749D97-3F0D-9646-A3F9-DC24570DF304}"/>
                </a:ext>
              </a:extLst>
            </p:cNvPr>
            <p:cNvSpPr/>
            <p:nvPr/>
          </p:nvSpPr>
          <p:spPr>
            <a:xfrm>
              <a:off x="5370628" y="801285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16" y="13746"/>
                  </a:lnTo>
                  <a:lnTo>
                    <a:pt x="21967" y="19008"/>
                  </a:lnTo>
                  <a:lnTo>
                    <a:pt x="25338" y="17045"/>
                  </a:lnTo>
                  <a:lnTo>
                    <a:pt x="3191" y="0"/>
                  </a:lnTo>
                  <a:lnTo>
                    <a:pt x="0" y="1849"/>
                  </a:lnTo>
                  <a:lnTo>
                    <a:pt x="4409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36" name="object 98">
              <a:extLst>
                <a:ext uri="{FF2B5EF4-FFF2-40B4-BE49-F238E27FC236}">
                  <a16:creationId xmlns:a16="http://schemas.microsoft.com/office/drawing/2014/main" id="{8F89824B-48AA-84CC-68BF-8D4891A334DF}"/>
                </a:ext>
              </a:extLst>
            </p:cNvPr>
            <p:cNvSpPr/>
            <p:nvPr/>
          </p:nvSpPr>
          <p:spPr>
            <a:xfrm>
              <a:off x="5373522" y="804596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63"/>
                  </a:lnTo>
                  <a:lnTo>
                    <a:pt x="548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55"/>
                  </a:lnTo>
                  <a:lnTo>
                    <a:pt x="4283" y="3717"/>
                  </a:lnTo>
                  <a:lnTo>
                    <a:pt x="10214" y="8561"/>
                  </a:lnTo>
                  <a:lnTo>
                    <a:pt x="2631" y="12964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37" name="object 99">
              <a:extLst>
                <a:ext uri="{FF2B5EF4-FFF2-40B4-BE49-F238E27FC236}">
                  <a16:creationId xmlns:a16="http://schemas.microsoft.com/office/drawing/2014/main" id="{1298845B-F12E-6536-52C7-83795627EA77}"/>
                </a:ext>
              </a:extLst>
            </p:cNvPr>
            <p:cNvSpPr/>
            <p:nvPr/>
          </p:nvSpPr>
          <p:spPr>
            <a:xfrm>
              <a:off x="3182537" y="391114"/>
              <a:ext cx="1572642" cy="1719611"/>
            </a:xfrm>
            <a:prstGeom prst="rect">
              <a:avLst/>
            </a:prstGeom>
            <a:blipFill>
              <a:blip r:embed="rId6" cstate="print"/>
              <a:stretch>
                <a:fillRect/>
              </a:stretch>
            </a:blip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38" name="object 100">
              <a:extLst>
                <a:ext uri="{FF2B5EF4-FFF2-40B4-BE49-F238E27FC236}">
                  <a16:creationId xmlns:a16="http://schemas.microsoft.com/office/drawing/2014/main" id="{82207D98-D177-C525-EB7E-A719F140B6F7}"/>
                </a:ext>
              </a:extLst>
            </p:cNvPr>
            <p:cNvSpPr txBox="1"/>
            <p:nvPr/>
          </p:nvSpPr>
          <p:spPr>
            <a:xfrm rot="19800000">
              <a:off x="3605639" y="1639459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39" name="object 101">
              <a:extLst>
                <a:ext uri="{FF2B5EF4-FFF2-40B4-BE49-F238E27FC236}">
                  <a16:creationId xmlns:a16="http://schemas.microsoft.com/office/drawing/2014/main" id="{2BB21312-46A3-626A-270B-3CB35B0281B7}"/>
                </a:ext>
              </a:extLst>
            </p:cNvPr>
            <p:cNvSpPr txBox="1"/>
            <p:nvPr/>
          </p:nvSpPr>
          <p:spPr>
            <a:xfrm rot="19800000">
              <a:off x="3627628" y="1632837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40" name="object 102">
              <a:extLst>
                <a:ext uri="{FF2B5EF4-FFF2-40B4-BE49-F238E27FC236}">
                  <a16:creationId xmlns:a16="http://schemas.microsoft.com/office/drawing/2014/main" id="{95BA663E-2F23-A707-9CB2-0F426B18E7AD}"/>
                </a:ext>
              </a:extLst>
            </p:cNvPr>
            <p:cNvSpPr txBox="1"/>
            <p:nvPr/>
          </p:nvSpPr>
          <p:spPr>
            <a:xfrm rot="19800000">
              <a:off x="3824113" y="1283366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41" name="object 103">
              <a:extLst>
                <a:ext uri="{FF2B5EF4-FFF2-40B4-BE49-F238E27FC236}">
                  <a16:creationId xmlns:a16="http://schemas.microsoft.com/office/drawing/2014/main" id="{B9474557-210F-0595-508A-0465446986A0}"/>
                </a:ext>
              </a:extLst>
            </p:cNvPr>
            <p:cNvSpPr txBox="1"/>
            <p:nvPr/>
          </p:nvSpPr>
          <p:spPr>
            <a:xfrm rot="19800000">
              <a:off x="3846111" y="1276738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42" name="object 104">
              <a:extLst>
                <a:ext uri="{FF2B5EF4-FFF2-40B4-BE49-F238E27FC236}">
                  <a16:creationId xmlns:a16="http://schemas.microsoft.com/office/drawing/2014/main" id="{2CC6EBA0-A21E-6328-22B7-DB24CF45E5AD}"/>
                </a:ext>
              </a:extLst>
            </p:cNvPr>
            <p:cNvSpPr txBox="1"/>
            <p:nvPr/>
          </p:nvSpPr>
          <p:spPr>
            <a:xfrm rot="19800000">
              <a:off x="4125777" y="999874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43" name="object 105">
              <a:extLst>
                <a:ext uri="{FF2B5EF4-FFF2-40B4-BE49-F238E27FC236}">
                  <a16:creationId xmlns:a16="http://schemas.microsoft.com/office/drawing/2014/main" id="{3382088C-E585-A35B-88E1-AC088EB0A67C}"/>
                </a:ext>
              </a:extLst>
            </p:cNvPr>
            <p:cNvSpPr txBox="1"/>
            <p:nvPr/>
          </p:nvSpPr>
          <p:spPr>
            <a:xfrm rot="19800000">
              <a:off x="4147768" y="993258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44" name="object 106">
              <a:extLst>
                <a:ext uri="{FF2B5EF4-FFF2-40B4-BE49-F238E27FC236}">
                  <a16:creationId xmlns:a16="http://schemas.microsoft.com/office/drawing/2014/main" id="{E6457839-510B-6249-7C3E-8C7C04950F33}"/>
                </a:ext>
              </a:extLst>
            </p:cNvPr>
            <p:cNvSpPr txBox="1"/>
            <p:nvPr/>
          </p:nvSpPr>
          <p:spPr>
            <a:xfrm rot="19800000">
              <a:off x="4436668" y="844707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45" name="object 107">
              <a:extLst>
                <a:ext uri="{FF2B5EF4-FFF2-40B4-BE49-F238E27FC236}">
                  <a16:creationId xmlns:a16="http://schemas.microsoft.com/office/drawing/2014/main" id="{2620D17E-964D-0DC5-85A2-BA2838F6F00C}"/>
                </a:ext>
              </a:extLst>
            </p:cNvPr>
            <p:cNvSpPr txBox="1"/>
            <p:nvPr/>
          </p:nvSpPr>
          <p:spPr>
            <a:xfrm rot="19800000">
              <a:off x="4458653" y="838094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46" name="object 108">
              <a:extLst>
                <a:ext uri="{FF2B5EF4-FFF2-40B4-BE49-F238E27FC236}">
                  <a16:creationId xmlns:a16="http://schemas.microsoft.com/office/drawing/2014/main" id="{CB4E123B-DF50-4B3D-2976-2AD58A48CB1D}"/>
                </a:ext>
              </a:extLst>
            </p:cNvPr>
            <p:cNvSpPr/>
            <p:nvPr/>
          </p:nvSpPr>
          <p:spPr>
            <a:xfrm>
              <a:off x="3515445" y="2345379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7" y="0"/>
                  </a:moveTo>
                  <a:lnTo>
                    <a:pt x="16596" y="4323"/>
                  </a:lnTo>
                  <a:lnTo>
                    <a:pt x="6532" y="13249"/>
                  </a:lnTo>
                  <a:lnTo>
                    <a:pt x="868" y="24937"/>
                  </a:lnTo>
                  <a:lnTo>
                    <a:pt x="0" y="37896"/>
                  </a:lnTo>
                  <a:lnTo>
                    <a:pt x="4323" y="50634"/>
                  </a:lnTo>
                  <a:lnTo>
                    <a:pt x="13252" y="60700"/>
                  </a:lnTo>
                  <a:lnTo>
                    <a:pt x="24939" y="66364"/>
                  </a:lnTo>
                  <a:lnTo>
                    <a:pt x="37896" y="67231"/>
                  </a:lnTo>
                  <a:lnTo>
                    <a:pt x="50634" y="62907"/>
                  </a:lnTo>
                  <a:lnTo>
                    <a:pt x="60700" y="53982"/>
                  </a:lnTo>
                  <a:lnTo>
                    <a:pt x="66365" y="42295"/>
                  </a:lnTo>
                  <a:lnTo>
                    <a:pt x="67234" y="29337"/>
                  </a:lnTo>
                  <a:lnTo>
                    <a:pt x="62913" y="16596"/>
                  </a:lnTo>
                  <a:lnTo>
                    <a:pt x="53984" y="6532"/>
                  </a:lnTo>
                  <a:lnTo>
                    <a:pt x="42296" y="868"/>
                  </a:lnTo>
                  <a:lnTo>
                    <a:pt x="29337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47" name="object 109">
              <a:extLst>
                <a:ext uri="{FF2B5EF4-FFF2-40B4-BE49-F238E27FC236}">
                  <a16:creationId xmlns:a16="http://schemas.microsoft.com/office/drawing/2014/main" id="{6C0A388C-021B-573C-DA81-A337D4D997EE}"/>
                </a:ext>
              </a:extLst>
            </p:cNvPr>
            <p:cNvSpPr/>
            <p:nvPr/>
          </p:nvSpPr>
          <p:spPr>
            <a:xfrm>
              <a:off x="3515445" y="2345379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6" y="4323"/>
                  </a:moveTo>
                  <a:lnTo>
                    <a:pt x="29337" y="0"/>
                  </a:lnTo>
                  <a:lnTo>
                    <a:pt x="42296" y="868"/>
                  </a:lnTo>
                  <a:lnTo>
                    <a:pt x="53984" y="6532"/>
                  </a:lnTo>
                  <a:lnTo>
                    <a:pt x="62913" y="16596"/>
                  </a:lnTo>
                  <a:lnTo>
                    <a:pt x="67234" y="29337"/>
                  </a:lnTo>
                  <a:lnTo>
                    <a:pt x="66365" y="42295"/>
                  </a:lnTo>
                  <a:lnTo>
                    <a:pt x="60700" y="53982"/>
                  </a:lnTo>
                  <a:lnTo>
                    <a:pt x="50634" y="62907"/>
                  </a:lnTo>
                  <a:lnTo>
                    <a:pt x="37896" y="67231"/>
                  </a:lnTo>
                  <a:lnTo>
                    <a:pt x="24939" y="66364"/>
                  </a:lnTo>
                  <a:lnTo>
                    <a:pt x="13252" y="60700"/>
                  </a:lnTo>
                  <a:lnTo>
                    <a:pt x="4323" y="50634"/>
                  </a:lnTo>
                  <a:lnTo>
                    <a:pt x="0" y="37896"/>
                  </a:lnTo>
                  <a:lnTo>
                    <a:pt x="868" y="24937"/>
                  </a:lnTo>
                  <a:lnTo>
                    <a:pt x="6532" y="13249"/>
                  </a:lnTo>
                  <a:lnTo>
                    <a:pt x="16596" y="4323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48" name="object 110">
              <a:extLst>
                <a:ext uri="{FF2B5EF4-FFF2-40B4-BE49-F238E27FC236}">
                  <a16:creationId xmlns:a16="http://schemas.microsoft.com/office/drawing/2014/main" id="{A58B9F8B-D61D-8259-CCDC-303F43D859E6}"/>
                </a:ext>
              </a:extLst>
            </p:cNvPr>
            <p:cNvSpPr/>
            <p:nvPr/>
          </p:nvSpPr>
          <p:spPr>
            <a:xfrm>
              <a:off x="3547052" y="2361600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91" y="0"/>
                  </a:lnTo>
                  <a:lnTo>
                    <a:pt x="1240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49" name="object 111">
              <a:extLst>
                <a:ext uri="{FF2B5EF4-FFF2-40B4-BE49-F238E27FC236}">
                  <a16:creationId xmlns:a16="http://schemas.microsoft.com/office/drawing/2014/main" id="{771D3113-6F9E-D6AF-42E9-EED34DF83B09}"/>
                </a:ext>
              </a:extLst>
            </p:cNvPr>
            <p:cNvSpPr/>
            <p:nvPr/>
          </p:nvSpPr>
          <p:spPr>
            <a:xfrm>
              <a:off x="3533981" y="2372792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22" y="13746"/>
                  </a:lnTo>
                  <a:lnTo>
                    <a:pt x="21967" y="19008"/>
                  </a:lnTo>
                  <a:lnTo>
                    <a:pt x="25338" y="17045"/>
                  </a:lnTo>
                  <a:lnTo>
                    <a:pt x="3191" y="0"/>
                  </a:lnTo>
                  <a:lnTo>
                    <a:pt x="0" y="1849"/>
                  </a:lnTo>
                  <a:lnTo>
                    <a:pt x="4409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50" name="object 112">
              <a:extLst>
                <a:ext uri="{FF2B5EF4-FFF2-40B4-BE49-F238E27FC236}">
                  <a16:creationId xmlns:a16="http://schemas.microsoft.com/office/drawing/2014/main" id="{CA9BFC77-35F7-8264-A302-C08E7998D6A4}"/>
                </a:ext>
              </a:extLst>
            </p:cNvPr>
            <p:cNvSpPr/>
            <p:nvPr/>
          </p:nvSpPr>
          <p:spPr>
            <a:xfrm>
              <a:off x="3536870" y="2376103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82" y="4969"/>
                  </a:moveTo>
                  <a:lnTo>
                    <a:pt x="978" y="3263"/>
                  </a:lnTo>
                  <a:lnTo>
                    <a:pt x="554" y="1598"/>
                  </a:lnTo>
                  <a:lnTo>
                    <a:pt x="0" y="0"/>
                  </a:lnTo>
                  <a:lnTo>
                    <a:pt x="1056" y="1014"/>
                  </a:lnTo>
                  <a:lnTo>
                    <a:pt x="2481" y="2249"/>
                  </a:lnTo>
                  <a:lnTo>
                    <a:pt x="4289" y="3717"/>
                  </a:lnTo>
                  <a:lnTo>
                    <a:pt x="10220" y="8555"/>
                  </a:lnTo>
                  <a:lnTo>
                    <a:pt x="2637" y="12958"/>
                  </a:lnTo>
                  <a:lnTo>
                    <a:pt x="1282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51" name="object 113">
              <a:extLst>
                <a:ext uri="{FF2B5EF4-FFF2-40B4-BE49-F238E27FC236}">
                  <a16:creationId xmlns:a16="http://schemas.microsoft.com/office/drawing/2014/main" id="{81CE734C-2A7B-09BA-A5BE-EA289E39BF76}"/>
                </a:ext>
              </a:extLst>
            </p:cNvPr>
            <p:cNvSpPr/>
            <p:nvPr/>
          </p:nvSpPr>
          <p:spPr>
            <a:xfrm>
              <a:off x="3515445" y="2345379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7" y="0"/>
                  </a:moveTo>
                  <a:lnTo>
                    <a:pt x="16596" y="4323"/>
                  </a:lnTo>
                  <a:lnTo>
                    <a:pt x="6532" y="13249"/>
                  </a:lnTo>
                  <a:lnTo>
                    <a:pt x="868" y="24937"/>
                  </a:lnTo>
                  <a:lnTo>
                    <a:pt x="0" y="37896"/>
                  </a:lnTo>
                  <a:lnTo>
                    <a:pt x="4323" y="50634"/>
                  </a:lnTo>
                  <a:lnTo>
                    <a:pt x="13252" y="60700"/>
                  </a:lnTo>
                  <a:lnTo>
                    <a:pt x="24939" y="66364"/>
                  </a:lnTo>
                  <a:lnTo>
                    <a:pt x="37896" y="67231"/>
                  </a:lnTo>
                  <a:lnTo>
                    <a:pt x="50634" y="62907"/>
                  </a:lnTo>
                  <a:lnTo>
                    <a:pt x="60700" y="53982"/>
                  </a:lnTo>
                  <a:lnTo>
                    <a:pt x="66365" y="42295"/>
                  </a:lnTo>
                  <a:lnTo>
                    <a:pt x="67234" y="29337"/>
                  </a:lnTo>
                  <a:lnTo>
                    <a:pt x="62913" y="16596"/>
                  </a:lnTo>
                  <a:lnTo>
                    <a:pt x="53984" y="6532"/>
                  </a:lnTo>
                  <a:lnTo>
                    <a:pt x="42296" y="868"/>
                  </a:lnTo>
                  <a:lnTo>
                    <a:pt x="29337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52" name="object 114">
              <a:extLst>
                <a:ext uri="{FF2B5EF4-FFF2-40B4-BE49-F238E27FC236}">
                  <a16:creationId xmlns:a16="http://schemas.microsoft.com/office/drawing/2014/main" id="{A5DE7BB5-E3A2-86E5-DB1F-2F41E1DF4E20}"/>
                </a:ext>
              </a:extLst>
            </p:cNvPr>
            <p:cNvSpPr/>
            <p:nvPr/>
          </p:nvSpPr>
          <p:spPr>
            <a:xfrm>
              <a:off x="3515445" y="2345379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6" y="4323"/>
                  </a:moveTo>
                  <a:lnTo>
                    <a:pt x="29337" y="0"/>
                  </a:lnTo>
                  <a:lnTo>
                    <a:pt x="42296" y="868"/>
                  </a:lnTo>
                  <a:lnTo>
                    <a:pt x="53984" y="6532"/>
                  </a:lnTo>
                  <a:lnTo>
                    <a:pt x="62913" y="16596"/>
                  </a:lnTo>
                  <a:lnTo>
                    <a:pt x="67234" y="29337"/>
                  </a:lnTo>
                  <a:lnTo>
                    <a:pt x="66365" y="42295"/>
                  </a:lnTo>
                  <a:lnTo>
                    <a:pt x="60700" y="53982"/>
                  </a:lnTo>
                  <a:lnTo>
                    <a:pt x="50634" y="62907"/>
                  </a:lnTo>
                  <a:lnTo>
                    <a:pt x="37896" y="67231"/>
                  </a:lnTo>
                  <a:lnTo>
                    <a:pt x="24939" y="66364"/>
                  </a:lnTo>
                  <a:lnTo>
                    <a:pt x="13252" y="60700"/>
                  </a:lnTo>
                  <a:lnTo>
                    <a:pt x="4323" y="50634"/>
                  </a:lnTo>
                  <a:lnTo>
                    <a:pt x="0" y="37896"/>
                  </a:lnTo>
                  <a:lnTo>
                    <a:pt x="868" y="24937"/>
                  </a:lnTo>
                  <a:lnTo>
                    <a:pt x="6532" y="13249"/>
                  </a:lnTo>
                  <a:lnTo>
                    <a:pt x="16596" y="4323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53" name="object 115">
              <a:extLst>
                <a:ext uri="{FF2B5EF4-FFF2-40B4-BE49-F238E27FC236}">
                  <a16:creationId xmlns:a16="http://schemas.microsoft.com/office/drawing/2014/main" id="{C788EFE1-7EA0-8416-28ED-041881AE37DB}"/>
                </a:ext>
              </a:extLst>
            </p:cNvPr>
            <p:cNvSpPr/>
            <p:nvPr/>
          </p:nvSpPr>
          <p:spPr>
            <a:xfrm>
              <a:off x="3547052" y="2361600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91" y="0"/>
                  </a:lnTo>
                  <a:lnTo>
                    <a:pt x="1240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54" name="object 116">
              <a:extLst>
                <a:ext uri="{FF2B5EF4-FFF2-40B4-BE49-F238E27FC236}">
                  <a16:creationId xmlns:a16="http://schemas.microsoft.com/office/drawing/2014/main" id="{766AD99C-3EBF-1505-5E13-51FD7B3CDA72}"/>
                </a:ext>
              </a:extLst>
            </p:cNvPr>
            <p:cNvSpPr txBox="1"/>
            <p:nvPr/>
          </p:nvSpPr>
          <p:spPr>
            <a:xfrm rot="19800000">
              <a:off x="3519039" y="2365628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55" name="object 117">
              <a:extLst>
                <a:ext uri="{FF2B5EF4-FFF2-40B4-BE49-F238E27FC236}">
                  <a16:creationId xmlns:a16="http://schemas.microsoft.com/office/drawing/2014/main" id="{FCB933A1-6DAD-9921-D245-DA91A21E2533}"/>
                </a:ext>
              </a:extLst>
            </p:cNvPr>
            <p:cNvSpPr txBox="1"/>
            <p:nvPr/>
          </p:nvSpPr>
          <p:spPr>
            <a:xfrm rot="19800000">
              <a:off x="3541027" y="2359007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56" name="object 118">
              <a:extLst>
                <a:ext uri="{FF2B5EF4-FFF2-40B4-BE49-F238E27FC236}">
                  <a16:creationId xmlns:a16="http://schemas.microsoft.com/office/drawing/2014/main" id="{CB1F38AA-4DA7-3B3C-F028-652250501117}"/>
                </a:ext>
              </a:extLst>
            </p:cNvPr>
            <p:cNvSpPr/>
            <p:nvPr/>
          </p:nvSpPr>
          <p:spPr>
            <a:xfrm>
              <a:off x="3533981" y="2372792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22" y="13746"/>
                  </a:lnTo>
                  <a:lnTo>
                    <a:pt x="21967" y="19008"/>
                  </a:lnTo>
                  <a:lnTo>
                    <a:pt x="25338" y="17045"/>
                  </a:lnTo>
                  <a:lnTo>
                    <a:pt x="3191" y="0"/>
                  </a:lnTo>
                  <a:lnTo>
                    <a:pt x="0" y="1849"/>
                  </a:lnTo>
                  <a:lnTo>
                    <a:pt x="4409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57" name="object 119">
              <a:extLst>
                <a:ext uri="{FF2B5EF4-FFF2-40B4-BE49-F238E27FC236}">
                  <a16:creationId xmlns:a16="http://schemas.microsoft.com/office/drawing/2014/main" id="{2D6A0CF1-A620-0BB2-2DF2-8E713A7B481C}"/>
                </a:ext>
              </a:extLst>
            </p:cNvPr>
            <p:cNvSpPr/>
            <p:nvPr/>
          </p:nvSpPr>
          <p:spPr>
            <a:xfrm>
              <a:off x="3536870" y="2376103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82" y="4969"/>
                  </a:moveTo>
                  <a:lnTo>
                    <a:pt x="978" y="3263"/>
                  </a:lnTo>
                  <a:lnTo>
                    <a:pt x="554" y="1598"/>
                  </a:lnTo>
                  <a:lnTo>
                    <a:pt x="0" y="0"/>
                  </a:lnTo>
                  <a:lnTo>
                    <a:pt x="1056" y="1014"/>
                  </a:lnTo>
                  <a:lnTo>
                    <a:pt x="2481" y="2249"/>
                  </a:lnTo>
                  <a:lnTo>
                    <a:pt x="4289" y="3717"/>
                  </a:lnTo>
                  <a:lnTo>
                    <a:pt x="10220" y="8555"/>
                  </a:lnTo>
                  <a:lnTo>
                    <a:pt x="2637" y="12958"/>
                  </a:lnTo>
                  <a:lnTo>
                    <a:pt x="1282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58" name="object 120">
              <a:extLst>
                <a:ext uri="{FF2B5EF4-FFF2-40B4-BE49-F238E27FC236}">
                  <a16:creationId xmlns:a16="http://schemas.microsoft.com/office/drawing/2014/main" id="{AE3845D7-5BEF-1ABB-297C-B96B56403BC0}"/>
                </a:ext>
              </a:extLst>
            </p:cNvPr>
            <p:cNvSpPr txBox="1"/>
            <p:nvPr/>
          </p:nvSpPr>
          <p:spPr>
            <a:xfrm rot="19800000">
              <a:off x="4690893" y="799133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59" name="object 121">
              <a:extLst>
                <a:ext uri="{FF2B5EF4-FFF2-40B4-BE49-F238E27FC236}">
                  <a16:creationId xmlns:a16="http://schemas.microsoft.com/office/drawing/2014/main" id="{7B57C2FA-4580-9AB7-0869-9CD5E1DD0EBE}"/>
                </a:ext>
              </a:extLst>
            </p:cNvPr>
            <p:cNvSpPr txBox="1"/>
            <p:nvPr/>
          </p:nvSpPr>
          <p:spPr>
            <a:xfrm rot="19800000">
              <a:off x="4712890" y="792514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60" name="object 122">
              <a:extLst>
                <a:ext uri="{FF2B5EF4-FFF2-40B4-BE49-F238E27FC236}">
                  <a16:creationId xmlns:a16="http://schemas.microsoft.com/office/drawing/2014/main" id="{AEDA3719-277C-7657-DFDA-4DD0218126B7}"/>
                </a:ext>
              </a:extLst>
            </p:cNvPr>
            <p:cNvSpPr txBox="1"/>
            <p:nvPr/>
          </p:nvSpPr>
          <p:spPr>
            <a:xfrm rot="19800000">
              <a:off x="4854788" y="791398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7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61" name="object 123">
              <a:extLst>
                <a:ext uri="{FF2B5EF4-FFF2-40B4-BE49-F238E27FC236}">
                  <a16:creationId xmlns:a16="http://schemas.microsoft.com/office/drawing/2014/main" id="{311AE6B4-4631-CB5E-C58B-86352CE7AA50}"/>
                </a:ext>
              </a:extLst>
            </p:cNvPr>
            <p:cNvSpPr txBox="1"/>
            <p:nvPr/>
          </p:nvSpPr>
          <p:spPr>
            <a:xfrm rot="19800000">
              <a:off x="4834654" y="798270"/>
              <a:ext cx="43856" cy="38472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285"/>
                </a:lnSpc>
              </a:pPr>
              <a:r>
                <a:rPr sz="250" spc="15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62" name="object 124">
              <a:extLst>
                <a:ext uri="{FF2B5EF4-FFF2-40B4-BE49-F238E27FC236}">
                  <a16:creationId xmlns:a16="http://schemas.microsoft.com/office/drawing/2014/main" id="{A07F5783-05F4-FFD8-0529-A42A8487868E}"/>
                </a:ext>
              </a:extLst>
            </p:cNvPr>
            <p:cNvSpPr/>
            <p:nvPr/>
          </p:nvSpPr>
          <p:spPr>
            <a:xfrm>
              <a:off x="5650654" y="77975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8" y="0"/>
                  </a:moveTo>
                  <a:lnTo>
                    <a:pt x="16599" y="4323"/>
                  </a:lnTo>
                  <a:lnTo>
                    <a:pt x="6533" y="13249"/>
                  </a:lnTo>
                  <a:lnTo>
                    <a:pt x="868" y="24937"/>
                  </a:lnTo>
                  <a:lnTo>
                    <a:pt x="0" y="37896"/>
                  </a:lnTo>
                  <a:lnTo>
                    <a:pt x="4321" y="50634"/>
                  </a:lnTo>
                  <a:lnTo>
                    <a:pt x="13252" y="60700"/>
                  </a:lnTo>
                  <a:lnTo>
                    <a:pt x="24940" y="66364"/>
                  </a:lnTo>
                  <a:lnTo>
                    <a:pt x="37897" y="67231"/>
                  </a:lnTo>
                  <a:lnTo>
                    <a:pt x="50637" y="62907"/>
                  </a:lnTo>
                  <a:lnTo>
                    <a:pt x="60701" y="53982"/>
                  </a:lnTo>
                  <a:lnTo>
                    <a:pt x="66366" y="42295"/>
                  </a:lnTo>
                  <a:lnTo>
                    <a:pt x="67236" y="29337"/>
                  </a:lnTo>
                  <a:lnTo>
                    <a:pt x="62916" y="16596"/>
                  </a:lnTo>
                  <a:lnTo>
                    <a:pt x="53987" y="6532"/>
                  </a:lnTo>
                  <a:lnTo>
                    <a:pt x="42297" y="868"/>
                  </a:lnTo>
                  <a:lnTo>
                    <a:pt x="29338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63" name="object 125">
              <a:extLst>
                <a:ext uri="{FF2B5EF4-FFF2-40B4-BE49-F238E27FC236}">
                  <a16:creationId xmlns:a16="http://schemas.microsoft.com/office/drawing/2014/main" id="{708E3ADE-9C77-D7A5-CAE0-B6EAA2D5FBA6}"/>
                </a:ext>
              </a:extLst>
            </p:cNvPr>
            <p:cNvSpPr/>
            <p:nvPr/>
          </p:nvSpPr>
          <p:spPr>
            <a:xfrm>
              <a:off x="5650654" y="77975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9" y="4323"/>
                  </a:moveTo>
                  <a:lnTo>
                    <a:pt x="29338" y="0"/>
                  </a:lnTo>
                  <a:lnTo>
                    <a:pt x="42297" y="868"/>
                  </a:lnTo>
                  <a:lnTo>
                    <a:pt x="53987" y="6532"/>
                  </a:lnTo>
                  <a:lnTo>
                    <a:pt x="62916" y="16596"/>
                  </a:lnTo>
                  <a:lnTo>
                    <a:pt x="67236" y="29337"/>
                  </a:lnTo>
                  <a:lnTo>
                    <a:pt x="66366" y="42295"/>
                  </a:lnTo>
                  <a:lnTo>
                    <a:pt x="60701" y="53982"/>
                  </a:lnTo>
                  <a:lnTo>
                    <a:pt x="50637" y="62907"/>
                  </a:lnTo>
                  <a:lnTo>
                    <a:pt x="37897" y="67231"/>
                  </a:lnTo>
                  <a:lnTo>
                    <a:pt x="24940" y="66364"/>
                  </a:lnTo>
                  <a:lnTo>
                    <a:pt x="13252" y="60700"/>
                  </a:lnTo>
                  <a:lnTo>
                    <a:pt x="4321" y="50634"/>
                  </a:lnTo>
                  <a:lnTo>
                    <a:pt x="0" y="37896"/>
                  </a:lnTo>
                  <a:lnTo>
                    <a:pt x="868" y="24937"/>
                  </a:lnTo>
                  <a:lnTo>
                    <a:pt x="6533" y="13249"/>
                  </a:lnTo>
                  <a:lnTo>
                    <a:pt x="16599" y="4323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64" name="object 126">
              <a:extLst>
                <a:ext uri="{FF2B5EF4-FFF2-40B4-BE49-F238E27FC236}">
                  <a16:creationId xmlns:a16="http://schemas.microsoft.com/office/drawing/2014/main" id="{5E9D0DB3-2977-4608-A659-30B0D11B0DD5}"/>
                </a:ext>
              </a:extLst>
            </p:cNvPr>
            <p:cNvSpPr/>
            <p:nvPr/>
          </p:nvSpPr>
          <p:spPr>
            <a:xfrm>
              <a:off x="5682270" y="795969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85" y="3209"/>
                  </a:lnTo>
                  <a:lnTo>
                    <a:pt x="7821" y="1205"/>
                  </a:lnTo>
                  <a:lnTo>
                    <a:pt x="4880" y="2911"/>
                  </a:lnTo>
                  <a:lnTo>
                    <a:pt x="3191" y="0"/>
                  </a:lnTo>
                  <a:lnTo>
                    <a:pt x="1240" y="1139"/>
                  </a:lnTo>
                  <a:lnTo>
                    <a:pt x="2929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65" name="object 127">
              <a:extLst>
                <a:ext uri="{FF2B5EF4-FFF2-40B4-BE49-F238E27FC236}">
                  <a16:creationId xmlns:a16="http://schemas.microsoft.com/office/drawing/2014/main" id="{0431338A-4DE1-89AA-B41E-171BA77DFB4E}"/>
                </a:ext>
              </a:extLst>
            </p:cNvPr>
            <p:cNvSpPr/>
            <p:nvPr/>
          </p:nvSpPr>
          <p:spPr>
            <a:xfrm>
              <a:off x="5669195" y="807149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73" y="19181"/>
                  </a:lnTo>
                  <a:lnTo>
                    <a:pt x="15422" y="13746"/>
                  </a:lnTo>
                  <a:lnTo>
                    <a:pt x="21967" y="19008"/>
                  </a:lnTo>
                  <a:lnTo>
                    <a:pt x="25338" y="17045"/>
                  </a:lnTo>
                  <a:lnTo>
                    <a:pt x="3191" y="0"/>
                  </a:lnTo>
                  <a:lnTo>
                    <a:pt x="0" y="1849"/>
                  </a:lnTo>
                  <a:lnTo>
                    <a:pt x="4409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66" name="object 128">
              <a:extLst>
                <a:ext uri="{FF2B5EF4-FFF2-40B4-BE49-F238E27FC236}">
                  <a16:creationId xmlns:a16="http://schemas.microsoft.com/office/drawing/2014/main" id="{DCFC9ECC-B5F0-48EE-D7B3-C2741F6E56D8}"/>
                </a:ext>
              </a:extLst>
            </p:cNvPr>
            <p:cNvSpPr/>
            <p:nvPr/>
          </p:nvSpPr>
          <p:spPr>
            <a:xfrm>
              <a:off x="5672089" y="810460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63"/>
                  </a:lnTo>
                  <a:lnTo>
                    <a:pt x="548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55"/>
                  </a:lnTo>
                  <a:lnTo>
                    <a:pt x="4283" y="3717"/>
                  </a:lnTo>
                  <a:lnTo>
                    <a:pt x="10220" y="8561"/>
                  </a:lnTo>
                  <a:lnTo>
                    <a:pt x="2631" y="12964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67" name="object 129">
              <a:extLst>
                <a:ext uri="{FF2B5EF4-FFF2-40B4-BE49-F238E27FC236}">
                  <a16:creationId xmlns:a16="http://schemas.microsoft.com/office/drawing/2014/main" id="{E301258F-8F82-A7A8-CA02-8347BF463EE7}"/>
                </a:ext>
              </a:extLst>
            </p:cNvPr>
            <p:cNvSpPr/>
            <p:nvPr/>
          </p:nvSpPr>
          <p:spPr>
            <a:xfrm>
              <a:off x="5650654" y="77975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8" y="0"/>
                  </a:moveTo>
                  <a:lnTo>
                    <a:pt x="16599" y="4323"/>
                  </a:lnTo>
                  <a:lnTo>
                    <a:pt x="6533" y="13249"/>
                  </a:lnTo>
                  <a:lnTo>
                    <a:pt x="868" y="24937"/>
                  </a:lnTo>
                  <a:lnTo>
                    <a:pt x="0" y="37896"/>
                  </a:lnTo>
                  <a:lnTo>
                    <a:pt x="4321" y="50634"/>
                  </a:lnTo>
                  <a:lnTo>
                    <a:pt x="13252" y="60700"/>
                  </a:lnTo>
                  <a:lnTo>
                    <a:pt x="24940" y="66364"/>
                  </a:lnTo>
                  <a:lnTo>
                    <a:pt x="37897" y="67231"/>
                  </a:lnTo>
                  <a:lnTo>
                    <a:pt x="50637" y="62907"/>
                  </a:lnTo>
                  <a:lnTo>
                    <a:pt x="60701" y="53982"/>
                  </a:lnTo>
                  <a:lnTo>
                    <a:pt x="66366" y="42295"/>
                  </a:lnTo>
                  <a:lnTo>
                    <a:pt x="67236" y="29337"/>
                  </a:lnTo>
                  <a:lnTo>
                    <a:pt x="62916" y="16596"/>
                  </a:lnTo>
                  <a:lnTo>
                    <a:pt x="53987" y="6532"/>
                  </a:lnTo>
                  <a:lnTo>
                    <a:pt x="42297" y="868"/>
                  </a:lnTo>
                  <a:lnTo>
                    <a:pt x="29338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68" name="object 130">
              <a:extLst>
                <a:ext uri="{FF2B5EF4-FFF2-40B4-BE49-F238E27FC236}">
                  <a16:creationId xmlns:a16="http://schemas.microsoft.com/office/drawing/2014/main" id="{DBFAD077-C057-E566-8347-13C803F3EF2E}"/>
                </a:ext>
              </a:extLst>
            </p:cNvPr>
            <p:cNvSpPr/>
            <p:nvPr/>
          </p:nvSpPr>
          <p:spPr>
            <a:xfrm>
              <a:off x="5650654" y="77975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9" y="4323"/>
                  </a:moveTo>
                  <a:lnTo>
                    <a:pt x="29338" y="0"/>
                  </a:lnTo>
                  <a:lnTo>
                    <a:pt x="42297" y="868"/>
                  </a:lnTo>
                  <a:lnTo>
                    <a:pt x="53987" y="6532"/>
                  </a:lnTo>
                  <a:lnTo>
                    <a:pt x="62916" y="16596"/>
                  </a:lnTo>
                  <a:lnTo>
                    <a:pt x="67236" y="29337"/>
                  </a:lnTo>
                  <a:lnTo>
                    <a:pt x="66366" y="42295"/>
                  </a:lnTo>
                  <a:lnTo>
                    <a:pt x="60701" y="53982"/>
                  </a:lnTo>
                  <a:lnTo>
                    <a:pt x="50637" y="62907"/>
                  </a:lnTo>
                  <a:lnTo>
                    <a:pt x="37897" y="67231"/>
                  </a:lnTo>
                  <a:lnTo>
                    <a:pt x="24940" y="66364"/>
                  </a:lnTo>
                  <a:lnTo>
                    <a:pt x="13252" y="60700"/>
                  </a:lnTo>
                  <a:lnTo>
                    <a:pt x="4321" y="50634"/>
                  </a:lnTo>
                  <a:lnTo>
                    <a:pt x="0" y="37896"/>
                  </a:lnTo>
                  <a:lnTo>
                    <a:pt x="868" y="24937"/>
                  </a:lnTo>
                  <a:lnTo>
                    <a:pt x="6533" y="13249"/>
                  </a:lnTo>
                  <a:lnTo>
                    <a:pt x="16599" y="4323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69" name="object 131">
              <a:extLst>
                <a:ext uri="{FF2B5EF4-FFF2-40B4-BE49-F238E27FC236}">
                  <a16:creationId xmlns:a16="http://schemas.microsoft.com/office/drawing/2014/main" id="{908E9321-77C0-D3AD-2576-D3F9A92C27BE}"/>
                </a:ext>
              </a:extLst>
            </p:cNvPr>
            <p:cNvSpPr/>
            <p:nvPr/>
          </p:nvSpPr>
          <p:spPr>
            <a:xfrm>
              <a:off x="5682270" y="795969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85" y="3209"/>
                  </a:lnTo>
                  <a:lnTo>
                    <a:pt x="7821" y="1205"/>
                  </a:lnTo>
                  <a:lnTo>
                    <a:pt x="4880" y="2911"/>
                  </a:lnTo>
                  <a:lnTo>
                    <a:pt x="3191" y="0"/>
                  </a:lnTo>
                  <a:lnTo>
                    <a:pt x="1240" y="1139"/>
                  </a:lnTo>
                  <a:lnTo>
                    <a:pt x="2929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70" name="object 132">
              <a:extLst>
                <a:ext uri="{FF2B5EF4-FFF2-40B4-BE49-F238E27FC236}">
                  <a16:creationId xmlns:a16="http://schemas.microsoft.com/office/drawing/2014/main" id="{CE139279-B2E3-EBAC-B9BD-7D50D0C98281}"/>
                </a:ext>
              </a:extLst>
            </p:cNvPr>
            <p:cNvSpPr txBox="1"/>
            <p:nvPr/>
          </p:nvSpPr>
          <p:spPr>
            <a:xfrm rot="19800000">
              <a:off x="5654257" y="799995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71" name="object 133">
              <a:extLst>
                <a:ext uri="{FF2B5EF4-FFF2-40B4-BE49-F238E27FC236}">
                  <a16:creationId xmlns:a16="http://schemas.microsoft.com/office/drawing/2014/main" id="{56D50F5F-F3A7-FAB3-02DE-023EA48D576B}"/>
                </a:ext>
              </a:extLst>
            </p:cNvPr>
            <p:cNvSpPr txBox="1"/>
            <p:nvPr/>
          </p:nvSpPr>
          <p:spPr>
            <a:xfrm rot="19800000">
              <a:off x="5676247" y="793380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72" name="object 134">
              <a:extLst>
                <a:ext uri="{FF2B5EF4-FFF2-40B4-BE49-F238E27FC236}">
                  <a16:creationId xmlns:a16="http://schemas.microsoft.com/office/drawing/2014/main" id="{70862B6E-AD34-9DEC-3708-B4B83EA44039}"/>
                </a:ext>
              </a:extLst>
            </p:cNvPr>
            <p:cNvSpPr/>
            <p:nvPr/>
          </p:nvSpPr>
          <p:spPr>
            <a:xfrm>
              <a:off x="5669195" y="807155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53" y="27385"/>
                  </a:moveTo>
                  <a:lnTo>
                    <a:pt x="6073" y="19181"/>
                  </a:lnTo>
                  <a:lnTo>
                    <a:pt x="15422" y="13746"/>
                  </a:lnTo>
                  <a:lnTo>
                    <a:pt x="21967" y="19008"/>
                  </a:lnTo>
                  <a:lnTo>
                    <a:pt x="25338" y="17045"/>
                  </a:lnTo>
                  <a:lnTo>
                    <a:pt x="3197" y="0"/>
                  </a:lnTo>
                  <a:lnTo>
                    <a:pt x="0" y="1849"/>
                  </a:lnTo>
                  <a:lnTo>
                    <a:pt x="4409" y="29211"/>
                  </a:lnTo>
                  <a:lnTo>
                    <a:pt x="7553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73" name="object 135">
              <a:extLst>
                <a:ext uri="{FF2B5EF4-FFF2-40B4-BE49-F238E27FC236}">
                  <a16:creationId xmlns:a16="http://schemas.microsoft.com/office/drawing/2014/main" id="{81DCBF51-7870-1F06-EE45-FAC1884BFE58}"/>
                </a:ext>
              </a:extLst>
            </p:cNvPr>
            <p:cNvSpPr/>
            <p:nvPr/>
          </p:nvSpPr>
          <p:spPr>
            <a:xfrm>
              <a:off x="5672094" y="810466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63"/>
                  </a:lnTo>
                  <a:lnTo>
                    <a:pt x="542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55"/>
                  </a:lnTo>
                  <a:lnTo>
                    <a:pt x="4283" y="3717"/>
                  </a:lnTo>
                  <a:lnTo>
                    <a:pt x="10214" y="8561"/>
                  </a:lnTo>
                  <a:lnTo>
                    <a:pt x="2625" y="12964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74" name="object 136">
              <a:extLst>
                <a:ext uri="{FF2B5EF4-FFF2-40B4-BE49-F238E27FC236}">
                  <a16:creationId xmlns:a16="http://schemas.microsoft.com/office/drawing/2014/main" id="{C723E7FD-FA91-4F8A-F384-7FBD38716D8D}"/>
                </a:ext>
              </a:extLst>
            </p:cNvPr>
            <p:cNvSpPr txBox="1"/>
            <p:nvPr/>
          </p:nvSpPr>
          <p:spPr>
            <a:xfrm rot="19800000">
              <a:off x="3560913" y="2005228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75" name="object 137">
              <a:extLst>
                <a:ext uri="{FF2B5EF4-FFF2-40B4-BE49-F238E27FC236}">
                  <a16:creationId xmlns:a16="http://schemas.microsoft.com/office/drawing/2014/main" id="{8B166DDD-B0C3-299A-5FCD-892EB13A0AE3}"/>
                </a:ext>
              </a:extLst>
            </p:cNvPr>
            <p:cNvSpPr txBox="1"/>
            <p:nvPr/>
          </p:nvSpPr>
          <p:spPr>
            <a:xfrm rot="19800000">
              <a:off x="3540782" y="2012101"/>
              <a:ext cx="43856" cy="38472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285"/>
                </a:lnSpc>
              </a:pPr>
              <a:r>
                <a:rPr sz="250" spc="15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76" name="object 138">
              <a:extLst>
                <a:ext uri="{FF2B5EF4-FFF2-40B4-BE49-F238E27FC236}">
                  <a16:creationId xmlns:a16="http://schemas.microsoft.com/office/drawing/2014/main" id="{C5CAA9CC-587D-5ADC-A67A-AF56CCBF2597}"/>
                </a:ext>
              </a:extLst>
            </p:cNvPr>
            <p:cNvSpPr/>
            <p:nvPr/>
          </p:nvSpPr>
          <p:spPr>
            <a:xfrm>
              <a:off x="3284320" y="2999360"/>
              <a:ext cx="274320" cy="274320"/>
            </a:xfrm>
            <a:custGeom>
              <a:avLst/>
              <a:gdLst/>
              <a:ahLst/>
              <a:cxnLst/>
              <a:rect l="l" t="t" r="r" b="b"/>
              <a:pathLst>
                <a:path w="274320" h="274320">
                  <a:moveTo>
                    <a:pt x="151328" y="0"/>
                  </a:moveTo>
                  <a:lnTo>
                    <a:pt x="108854" y="2085"/>
                  </a:lnTo>
                  <a:lnTo>
                    <a:pt x="67725" y="17867"/>
                  </a:lnTo>
                  <a:lnTo>
                    <a:pt x="33641" y="45782"/>
                  </a:lnTo>
                  <a:lnTo>
                    <a:pt x="10792" y="81649"/>
                  </a:lnTo>
                  <a:lnTo>
                    <a:pt x="0" y="122369"/>
                  </a:lnTo>
                  <a:lnTo>
                    <a:pt x="2083" y="164843"/>
                  </a:lnTo>
                  <a:lnTo>
                    <a:pt x="17864" y="205973"/>
                  </a:lnTo>
                  <a:lnTo>
                    <a:pt x="45782" y="240056"/>
                  </a:lnTo>
                  <a:lnTo>
                    <a:pt x="81650" y="262905"/>
                  </a:lnTo>
                  <a:lnTo>
                    <a:pt x="122370" y="273697"/>
                  </a:lnTo>
                  <a:lnTo>
                    <a:pt x="164845" y="271611"/>
                  </a:lnTo>
                  <a:lnTo>
                    <a:pt x="205976" y="255827"/>
                  </a:lnTo>
                  <a:lnTo>
                    <a:pt x="240057" y="227912"/>
                  </a:lnTo>
                  <a:lnTo>
                    <a:pt x="262904" y="192046"/>
                  </a:lnTo>
                  <a:lnTo>
                    <a:pt x="273695" y="151327"/>
                  </a:lnTo>
                  <a:lnTo>
                    <a:pt x="271609" y="108853"/>
                  </a:lnTo>
                  <a:lnTo>
                    <a:pt x="255825" y="67721"/>
                  </a:lnTo>
                  <a:lnTo>
                    <a:pt x="227912" y="33638"/>
                  </a:lnTo>
                  <a:lnTo>
                    <a:pt x="192047" y="10791"/>
                  </a:lnTo>
                  <a:lnTo>
                    <a:pt x="151328" y="0"/>
                  </a:lnTo>
                  <a:close/>
                </a:path>
              </a:pathLst>
            </a:custGeom>
            <a:solidFill>
              <a:srgbClr val="59595C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77" name="object 139">
              <a:extLst>
                <a:ext uri="{FF2B5EF4-FFF2-40B4-BE49-F238E27FC236}">
                  <a16:creationId xmlns:a16="http://schemas.microsoft.com/office/drawing/2014/main" id="{2A421F47-B0BB-9845-ED00-0B1A23EE54A9}"/>
                </a:ext>
              </a:extLst>
            </p:cNvPr>
            <p:cNvSpPr/>
            <p:nvPr/>
          </p:nvSpPr>
          <p:spPr>
            <a:xfrm>
              <a:off x="3284320" y="2999360"/>
              <a:ext cx="274320" cy="274320"/>
            </a:xfrm>
            <a:custGeom>
              <a:avLst/>
              <a:gdLst/>
              <a:ahLst/>
              <a:cxnLst/>
              <a:rect l="l" t="t" r="r" b="b"/>
              <a:pathLst>
                <a:path w="274320" h="274320">
                  <a:moveTo>
                    <a:pt x="255825" y="67721"/>
                  </a:moveTo>
                  <a:lnTo>
                    <a:pt x="271609" y="108853"/>
                  </a:lnTo>
                  <a:lnTo>
                    <a:pt x="273695" y="151327"/>
                  </a:lnTo>
                  <a:lnTo>
                    <a:pt x="262904" y="192046"/>
                  </a:lnTo>
                  <a:lnTo>
                    <a:pt x="240057" y="227912"/>
                  </a:lnTo>
                  <a:lnTo>
                    <a:pt x="205976" y="255827"/>
                  </a:lnTo>
                  <a:lnTo>
                    <a:pt x="164845" y="271611"/>
                  </a:lnTo>
                  <a:lnTo>
                    <a:pt x="122370" y="273697"/>
                  </a:lnTo>
                  <a:lnTo>
                    <a:pt x="81650" y="262905"/>
                  </a:lnTo>
                  <a:lnTo>
                    <a:pt x="45782" y="240056"/>
                  </a:lnTo>
                  <a:lnTo>
                    <a:pt x="17864" y="205973"/>
                  </a:lnTo>
                  <a:lnTo>
                    <a:pt x="2083" y="164843"/>
                  </a:lnTo>
                  <a:lnTo>
                    <a:pt x="0" y="122369"/>
                  </a:lnTo>
                  <a:lnTo>
                    <a:pt x="10792" y="81649"/>
                  </a:lnTo>
                  <a:lnTo>
                    <a:pt x="33641" y="45782"/>
                  </a:lnTo>
                  <a:lnTo>
                    <a:pt x="67725" y="17867"/>
                  </a:lnTo>
                  <a:lnTo>
                    <a:pt x="108854" y="2085"/>
                  </a:lnTo>
                  <a:lnTo>
                    <a:pt x="151328" y="0"/>
                  </a:lnTo>
                  <a:lnTo>
                    <a:pt x="192047" y="10791"/>
                  </a:lnTo>
                  <a:lnTo>
                    <a:pt x="227912" y="33638"/>
                  </a:lnTo>
                  <a:lnTo>
                    <a:pt x="255825" y="67721"/>
                  </a:lnTo>
                  <a:close/>
                </a:path>
              </a:pathLst>
            </a:custGeom>
            <a:ln w="5966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78" name="object 140">
              <a:extLst>
                <a:ext uri="{FF2B5EF4-FFF2-40B4-BE49-F238E27FC236}">
                  <a16:creationId xmlns:a16="http://schemas.microsoft.com/office/drawing/2014/main" id="{59064C8D-AC8C-E570-C7FE-CDC2EF37B2B7}"/>
                </a:ext>
              </a:extLst>
            </p:cNvPr>
            <p:cNvSpPr/>
            <p:nvPr/>
          </p:nvSpPr>
          <p:spPr>
            <a:xfrm>
              <a:off x="3559507" y="2761514"/>
              <a:ext cx="0" cy="168275"/>
            </a:xfrm>
            <a:custGeom>
              <a:avLst/>
              <a:gdLst/>
              <a:ahLst/>
              <a:cxnLst/>
              <a:rect l="l" t="t" r="r" b="b"/>
              <a:pathLst>
                <a:path h="168275">
                  <a:moveTo>
                    <a:pt x="0" y="0"/>
                  </a:moveTo>
                  <a:lnTo>
                    <a:pt x="0" y="168211"/>
                  </a:lnTo>
                </a:path>
              </a:pathLst>
            </a:custGeom>
            <a:ln w="61136">
              <a:solidFill>
                <a:srgbClr val="59595C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79" name="object 141">
              <a:extLst>
                <a:ext uri="{FF2B5EF4-FFF2-40B4-BE49-F238E27FC236}">
                  <a16:creationId xmlns:a16="http://schemas.microsoft.com/office/drawing/2014/main" id="{D3CEC92D-1622-73E4-E8A5-6A500E47093B}"/>
                </a:ext>
              </a:extLst>
            </p:cNvPr>
            <p:cNvSpPr/>
            <p:nvPr/>
          </p:nvSpPr>
          <p:spPr>
            <a:xfrm>
              <a:off x="3528938" y="2761514"/>
              <a:ext cx="61594" cy="220345"/>
            </a:xfrm>
            <a:custGeom>
              <a:avLst/>
              <a:gdLst/>
              <a:ahLst/>
              <a:cxnLst/>
              <a:rect l="l" t="t" r="r" b="b"/>
              <a:pathLst>
                <a:path w="61595" h="220345">
                  <a:moveTo>
                    <a:pt x="602" y="219822"/>
                  </a:moveTo>
                  <a:lnTo>
                    <a:pt x="61136" y="219661"/>
                  </a:lnTo>
                  <a:lnTo>
                    <a:pt x="60540" y="0"/>
                  </a:lnTo>
                  <a:lnTo>
                    <a:pt x="0" y="167"/>
                  </a:lnTo>
                  <a:lnTo>
                    <a:pt x="602" y="219822"/>
                  </a:lnTo>
                  <a:close/>
                </a:path>
              </a:pathLst>
            </a:custGeom>
            <a:ln w="5966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0" name="object 142">
              <a:extLst>
                <a:ext uri="{FF2B5EF4-FFF2-40B4-BE49-F238E27FC236}">
                  <a16:creationId xmlns:a16="http://schemas.microsoft.com/office/drawing/2014/main" id="{58379727-DAFF-7F1D-B725-F52A80FAF635}"/>
                </a:ext>
              </a:extLst>
            </p:cNvPr>
            <p:cNvSpPr/>
            <p:nvPr/>
          </p:nvSpPr>
          <p:spPr>
            <a:xfrm>
              <a:off x="3508565" y="2929726"/>
              <a:ext cx="98425" cy="280035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97507" y="0"/>
                  </a:moveTo>
                  <a:lnTo>
                    <a:pt x="0" y="262"/>
                  </a:lnTo>
                  <a:lnTo>
                    <a:pt x="763" y="279784"/>
                  </a:lnTo>
                  <a:lnTo>
                    <a:pt x="98265" y="279521"/>
                  </a:lnTo>
                  <a:lnTo>
                    <a:pt x="97507" y="0"/>
                  </a:lnTo>
                  <a:close/>
                </a:path>
              </a:pathLst>
            </a:custGeom>
            <a:solidFill>
              <a:srgbClr val="59595C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1" name="object 143">
              <a:extLst>
                <a:ext uri="{FF2B5EF4-FFF2-40B4-BE49-F238E27FC236}">
                  <a16:creationId xmlns:a16="http://schemas.microsoft.com/office/drawing/2014/main" id="{C391D0A0-1BCB-E315-C1D9-510762786DA4}"/>
                </a:ext>
              </a:extLst>
            </p:cNvPr>
            <p:cNvSpPr/>
            <p:nvPr/>
          </p:nvSpPr>
          <p:spPr>
            <a:xfrm>
              <a:off x="3508565" y="2929726"/>
              <a:ext cx="98425" cy="280035"/>
            </a:xfrm>
            <a:custGeom>
              <a:avLst/>
              <a:gdLst/>
              <a:ahLst/>
              <a:cxnLst/>
              <a:rect l="l" t="t" r="r" b="b"/>
              <a:pathLst>
                <a:path w="98425" h="280035">
                  <a:moveTo>
                    <a:pt x="763" y="279784"/>
                  </a:moveTo>
                  <a:lnTo>
                    <a:pt x="98265" y="279521"/>
                  </a:lnTo>
                  <a:lnTo>
                    <a:pt x="97507" y="0"/>
                  </a:lnTo>
                  <a:lnTo>
                    <a:pt x="0" y="262"/>
                  </a:lnTo>
                  <a:lnTo>
                    <a:pt x="763" y="279784"/>
                  </a:lnTo>
                  <a:close/>
                </a:path>
              </a:pathLst>
            </a:custGeom>
            <a:ln w="5966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2" name="object 144">
              <a:extLst>
                <a:ext uri="{FF2B5EF4-FFF2-40B4-BE49-F238E27FC236}">
                  <a16:creationId xmlns:a16="http://schemas.microsoft.com/office/drawing/2014/main" id="{70F69C96-AF09-7A7C-389F-BBCCD9C04A06}"/>
                </a:ext>
              </a:extLst>
            </p:cNvPr>
            <p:cNvSpPr/>
            <p:nvPr/>
          </p:nvSpPr>
          <p:spPr>
            <a:xfrm>
              <a:off x="2003107" y="3131298"/>
              <a:ext cx="1119505" cy="3175"/>
            </a:xfrm>
            <a:custGeom>
              <a:avLst/>
              <a:gdLst/>
              <a:ahLst/>
              <a:cxnLst/>
              <a:rect l="l" t="t" r="r" b="b"/>
              <a:pathLst>
                <a:path w="1119504" h="3175">
                  <a:moveTo>
                    <a:pt x="1119000" y="0"/>
                  </a:moveTo>
                  <a:lnTo>
                    <a:pt x="0" y="3048"/>
                  </a:lnTo>
                </a:path>
              </a:pathLst>
            </a:custGeom>
            <a:ln w="35797">
              <a:solidFill>
                <a:srgbClr val="0C679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3" name="object 145">
              <a:extLst>
                <a:ext uri="{FF2B5EF4-FFF2-40B4-BE49-F238E27FC236}">
                  <a16:creationId xmlns:a16="http://schemas.microsoft.com/office/drawing/2014/main" id="{DFCC1F48-A480-2948-F5EF-8F754AD6A455}"/>
                </a:ext>
              </a:extLst>
            </p:cNvPr>
            <p:cNvSpPr/>
            <p:nvPr/>
          </p:nvSpPr>
          <p:spPr>
            <a:xfrm>
              <a:off x="3105239" y="3074222"/>
              <a:ext cx="99695" cy="114300"/>
            </a:xfrm>
            <a:custGeom>
              <a:avLst/>
              <a:gdLst/>
              <a:ahLst/>
              <a:cxnLst/>
              <a:rect l="l" t="t" r="r" b="b"/>
              <a:pathLst>
                <a:path w="99695" h="114300">
                  <a:moveTo>
                    <a:pt x="0" y="0"/>
                  </a:moveTo>
                  <a:lnTo>
                    <a:pt x="310" y="114237"/>
                  </a:lnTo>
                  <a:lnTo>
                    <a:pt x="99070" y="56853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C6790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4" name="object 146">
              <a:extLst>
                <a:ext uri="{FF2B5EF4-FFF2-40B4-BE49-F238E27FC236}">
                  <a16:creationId xmlns:a16="http://schemas.microsoft.com/office/drawing/2014/main" id="{772C0787-A79E-5896-3E8A-26B3AE010D74}"/>
                </a:ext>
              </a:extLst>
            </p:cNvPr>
            <p:cNvSpPr/>
            <p:nvPr/>
          </p:nvSpPr>
          <p:spPr>
            <a:xfrm>
              <a:off x="3523009" y="264140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4" y="0"/>
                  </a:moveTo>
                  <a:lnTo>
                    <a:pt x="16594" y="4321"/>
                  </a:lnTo>
                  <a:lnTo>
                    <a:pt x="6531" y="13249"/>
                  </a:lnTo>
                  <a:lnTo>
                    <a:pt x="868" y="24937"/>
                  </a:lnTo>
                  <a:lnTo>
                    <a:pt x="0" y="37894"/>
                  </a:lnTo>
                  <a:lnTo>
                    <a:pt x="4321" y="50631"/>
                  </a:lnTo>
                  <a:lnTo>
                    <a:pt x="13249" y="60700"/>
                  </a:lnTo>
                  <a:lnTo>
                    <a:pt x="24937" y="66365"/>
                  </a:lnTo>
                  <a:lnTo>
                    <a:pt x="37894" y="67232"/>
                  </a:lnTo>
                  <a:lnTo>
                    <a:pt x="50631" y="62910"/>
                  </a:lnTo>
                  <a:lnTo>
                    <a:pt x="60698" y="53982"/>
                  </a:lnTo>
                  <a:lnTo>
                    <a:pt x="66362" y="42296"/>
                  </a:lnTo>
                  <a:lnTo>
                    <a:pt x="67231" y="29337"/>
                  </a:lnTo>
                  <a:lnTo>
                    <a:pt x="62910" y="16594"/>
                  </a:lnTo>
                  <a:lnTo>
                    <a:pt x="53982" y="6531"/>
                  </a:lnTo>
                  <a:lnTo>
                    <a:pt x="42293" y="868"/>
                  </a:lnTo>
                  <a:lnTo>
                    <a:pt x="29334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5" name="object 147">
              <a:extLst>
                <a:ext uri="{FF2B5EF4-FFF2-40B4-BE49-F238E27FC236}">
                  <a16:creationId xmlns:a16="http://schemas.microsoft.com/office/drawing/2014/main" id="{24CDC95A-BC69-5A68-E6C8-0B1DB76B44BE}"/>
                </a:ext>
              </a:extLst>
            </p:cNvPr>
            <p:cNvSpPr/>
            <p:nvPr/>
          </p:nvSpPr>
          <p:spPr>
            <a:xfrm>
              <a:off x="3523009" y="264140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4" y="4321"/>
                  </a:moveTo>
                  <a:lnTo>
                    <a:pt x="29334" y="0"/>
                  </a:lnTo>
                  <a:lnTo>
                    <a:pt x="42293" y="868"/>
                  </a:lnTo>
                  <a:lnTo>
                    <a:pt x="53982" y="6531"/>
                  </a:lnTo>
                  <a:lnTo>
                    <a:pt x="62910" y="16594"/>
                  </a:lnTo>
                  <a:lnTo>
                    <a:pt x="67231" y="29337"/>
                  </a:lnTo>
                  <a:lnTo>
                    <a:pt x="66362" y="42296"/>
                  </a:lnTo>
                  <a:lnTo>
                    <a:pt x="60698" y="53982"/>
                  </a:lnTo>
                  <a:lnTo>
                    <a:pt x="50631" y="62910"/>
                  </a:lnTo>
                  <a:lnTo>
                    <a:pt x="37894" y="67232"/>
                  </a:lnTo>
                  <a:lnTo>
                    <a:pt x="24937" y="66365"/>
                  </a:lnTo>
                  <a:lnTo>
                    <a:pt x="13249" y="60700"/>
                  </a:lnTo>
                  <a:lnTo>
                    <a:pt x="4321" y="50631"/>
                  </a:lnTo>
                  <a:lnTo>
                    <a:pt x="0" y="37894"/>
                  </a:lnTo>
                  <a:lnTo>
                    <a:pt x="868" y="24937"/>
                  </a:lnTo>
                  <a:lnTo>
                    <a:pt x="6531" y="13249"/>
                  </a:lnTo>
                  <a:lnTo>
                    <a:pt x="16594" y="4321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6" name="object 148">
              <a:extLst>
                <a:ext uri="{FF2B5EF4-FFF2-40B4-BE49-F238E27FC236}">
                  <a16:creationId xmlns:a16="http://schemas.microsoft.com/office/drawing/2014/main" id="{02A6C21F-8BF1-7A75-08F4-B5CFCD2FDF7F}"/>
                </a:ext>
              </a:extLst>
            </p:cNvPr>
            <p:cNvSpPr/>
            <p:nvPr/>
          </p:nvSpPr>
          <p:spPr>
            <a:xfrm>
              <a:off x="3554620" y="2657632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86" y="0"/>
                  </a:lnTo>
                  <a:lnTo>
                    <a:pt x="1235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7" name="object 149">
              <a:extLst>
                <a:ext uri="{FF2B5EF4-FFF2-40B4-BE49-F238E27FC236}">
                  <a16:creationId xmlns:a16="http://schemas.microsoft.com/office/drawing/2014/main" id="{8254094F-1293-9CE3-14BA-188012771203}"/>
                </a:ext>
              </a:extLst>
            </p:cNvPr>
            <p:cNvSpPr/>
            <p:nvPr/>
          </p:nvSpPr>
          <p:spPr>
            <a:xfrm>
              <a:off x="3541548" y="2668823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22" y="13746"/>
                  </a:lnTo>
                  <a:lnTo>
                    <a:pt x="21967" y="19008"/>
                  </a:lnTo>
                  <a:lnTo>
                    <a:pt x="25338" y="17051"/>
                  </a:lnTo>
                  <a:lnTo>
                    <a:pt x="3186" y="0"/>
                  </a:lnTo>
                  <a:lnTo>
                    <a:pt x="0" y="1849"/>
                  </a:lnTo>
                  <a:lnTo>
                    <a:pt x="4403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8" name="object 150">
              <a:extLst>
                <a:ext uri="{FF2B5EF4-FFF2-40B4-BE49-F238E27FC236}">
                  <a16:creationId xmlns:a16="http://schemas.microsoft.com/office/drawing/2014/main" id="{A83F61E8-1C0C-9719-CA90-D21DBB6EE235}"/>
                </a:ext>
              </a:extLst>
            </p:cNvPr>
            <p:cNvSpPr/>
            <p:nvPr/>
          </p:nvSpPr>
          <p:spPr>
            <a:xfrm>
              <a:off x="3544441" y="2672135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63"/>
                  </a:lnTo>
                  <a:lnTo>
                    <a:pt x="548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49"/>
                  </a:lnTo>
                  <a:lnTo>
                    <a:pt x="4283" y="3717"/>
                  </a:lnTo>
                  <a:lnTo>
                    <a:pt x="10214" y="8555"/>
                  </a:lnTo>
                  <a:lnTo>
                    <a:pt x="2631" y="12958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89" name="object 151">
              <a:extLst>
                <a:ext uri="{FF2B5EF4-FFF2-40B4-BE49-F238E27FC236}">
                  <a16:creationId xmlns:a16="http://schemas.microsoft.com/office/drawing/2014/main" id="{C674C074-A7B4-C472-B0BE-30095345622B}"/>
                </a:ext>
              </a:extLst>
            </p:cNvPr>
            <p:cNvSpPr/>
            <p:nvPr/>
          </p:nvSpPr>
          <p:spPr>
            <a:xfrm>
              <a:off x="3523009" y="264140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29334" y="0"/>
                  </a:moveTo>
                  <a:lnTo>
                    <a:pt x="16594" y="4321"/>
                  </a:lnTo>
                  <a:lnTo>
                    <a:pt x="6531" y="13249"/>
                  </a:lnTo>
                  <a:lnTo>
                    <a:pt x="868" y="24937"/>
                  </a:lnTo>
                  <a:lnTo>
                    <a:pt x="0" y="37894"/>
                  </a:lnTo>
                  <a:lnTo>
                    <a:pt x="4321" y="50631"/>
                  </a:lnTo>
                  <a:lnTo>
                    <a:pt x="13249" y="60700"/>
                  </a:lnTo>
                  <a:lnTo>
                    <a:pt x="24937" y="66365"/>
                  </a:lnTo>
                  <a:lnTo>
                    <a:pt x="37894" y="67232"/>
                  </a:lnTo>
                  <a:lnTo>
                    <a:pt x="50631" y="62910"/>
                  </a:lnTo>
                  <a:lnTo>
                    <a:pt x="60698" y="53982"/>
                  </a:lnTo>
                  <a:lnTo>
                    <a:pt x="66362" y="42296"/>
                  </a:lnTo>
                  <a:lnTo>
                    <a:pt x="67231" y="29337"/>
                  </a:lnTo>
                  <a:lnTo>
                    <a:pt x="62910" y="16594"/>
                  </a:lnTo>
                  <a:lnTo>
                    <a:pt x="53982" y="6531"/>
                  </a:lnTo>
                  <a:lnTo>
                    <a:pt x="42293" y="868"/>
                  </a:lnTo>
                  <a:lnTo>
                    <a:pt x="29334" y="0"/>
                  </a:lnTo>
                  <a:close/>
                </a:path>
              </a:pathLst>
            </a:custGeom>
            <a:solidFill>
              <a:srgbClr val="F5821F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90" name="object 152">
              <a:extLst>
                <a:ext uri="{FF2B5EF4-FFF2-40B4-BE49-F238E27FC236}">
                  <a16:creationId xmlns:a16="http://schemas.microsoft.com/office/drawing/2014/main" id="{7B37B477-843D-16F7-F6F4-F86DD23A1ECB}"/>
                </a:ext>
              </a:extLst>
            </p:cNvPr>
            <p:cNvSpPr/>
            <p:nvPr/>
          </p:nvSpPr>
          <p:spPr>
            <a:xfrm>
              <a:off x="3523009" y="2641404"/>
              <a:ext cx="67310" cy="67310"/>
            </a:xfrm>
            <a:custGeom>
              <a:avLst/>
              <a:gdLst/>
              <a:ahLst/>
              <a:cxnLst/>
              <a:rect l="l" t="t" r="r" b="b"/>
              <a:pathLst>
                <a:path w="67309" h="67310">
                  <a:moveTo>
                    <a:pt x="16594" y="4321"/>
                  </a:moveTo>
                  <a:lnTo>
                    <a:pt x="29334" y="0"/>
                  </a:lnTo>
                  <a:lnTo>
                    <a:pt x="42293" y="868"/>
                  </a:lnTo>
                  <a:lnTo>
                    <a:pt x="53982" y="6531"/>
                  </a:lnTo>
                  <a:lnTo>
                    <a:pt x="62910" y="16594"/>
                  </a:lnTo>
                  <a:lnTo>
                    <a:pt x="67231" y="29337"/>
                  </a:lnTo>
                  <a:lnTo>
                    <a:pt x="66362" y="42296"/>
                  </a:lnTo>
                  <a:lnTo>
                    <a:pt x="60698" y="53982"/>
                  </a:lnTo>
                  <a:lnTo>
                    <a:pt x="50631" y="62910"/>
                  </a:lnTo>
                  <a:lnTo>
                    <a:pt x="37894" y="67232"/>
                  </a:lnTo>
                  <a:lnTo>
                    <a:pt x="24937" y="66365"/>
                  </a:lnTo>
                  <a:lnTo>
                    <a:pt x="13249" y="60700"/>
                  </a:lnTo>
                  <a:lnTo>
                    <a:pt x="4321" y="50631"/>
                  </a:lnTo>
                  <a:lnTo>
                    <a:pt x="0" y="37894"/>
                  </a:lnTo>
                  <a:lnTo>
                    <a:pt x="868" y="24937"/>
                  </a:lnTo>
                  <a:lnTo>
                    <a:pt x="6531" y="13249"/>
                  </a:lnTo>
                  <a:lnTo>
                    <a:pt x="16594" y="4321"/>
                  </a:lnTo>
                  <a:close/>
                </a:path>
              </a:pathLst>
            </a:custGeom>
            <a:ln w="317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91" name="object 153">
              <a:extLst>
                <a:ext uri="{FF2B5EF4-FFF2-40B4-BE49-F238E27FC236}">
                  <a16:creationId xmlns:a16="http://schemas.microsoft.com/office/drawing/2014/main" id="{44FEE7A9-9F29-4588-CA8F-63221580D612}"/>
                </a:ext>
              </a:extLst>
            </p:cNvPr>
            <p:cNvSpPr/>
            <p:nvPr/>
          </p:nvSpPr>
          <p:spPr>
            <a:xfrm>
              <a:off x="3554620" y="2657632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>
                  <a:moveTo>
                    <a:pt x="7732" y="7821"/>
                  </a:moveTo>
                  <a:lnTo>
                    <a:pt x="6043" y="4916"/>
                  </a:lnTo>
                  <a:lnTo>
                    <a:pt x="8979" y="3209"/>
                  </a:lnTo>
                  <a:lnTo>
                    <a:pt x="7815" y="1205"/>
                  </a:lnTo>
                  <a:lnTo>
                    <a:pt x="4874" y="2911"/>
                  </a:lnTo>
                  <a:lnTo>
                    <a:pt x="3186" y="0"/>
                  </a:lnTo>
                  <a:lnTo>
                    <a:pt x="1235" y="1133"/>
                  </a:lnTo>
                  <a:lnTo>
                    <a:pt x="2923" y="4045"/>
                  </a:lnTo>
                  <a:lnTo>
                    <a:pt x="0" y="5745"/>
                  </a:lnTo>
                  <a:lnTo>
                    <a:pt x="1163" y="7750"/>
                  </a:lnTo>
                  <a:lnTo>
                    <a:pt x="4092" y="6049"/>
                  </a:lnTo>
                  <a:lnTo>
                    <a:pt x="5781" y="8955"/>
                  </a:lnTo>
                  <a:lnTo>
                    <a:pt x="7732" y="7821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92" name="object 154">
              <a:extLst>
                <a:ext uri="{FF2B5EF4-FFF2-40B4-BE49-F238E27FC236}">
                  <a16:creationId xmlns:a16="http://schemas.microsoft.com/office/drawing/2014/main" id="{B7424377-FA0C-E430-698F-6FD17403993E}"/>
                </a:ext>
              </a:extLst>
            </p:cNvPr>
            <p:cNvSpPr txBox="1"/>
            <p:nvPr/>
          </p:nvSpPr>
          <p:spPr>
            <a:xfrm rot="19800000">
              <a:off x="3526605" y="2661660"/>
              <a:ext cx="47591" cy="39113"/>
            </a:xfrm>
            <a:prstGeom prst="rect">
              <a:avLst/>
            </a:prstGeom>
          </p:spPr>
          <p:txBody>
            <a:bodyPr vert="horz" wrap="square" lIns="0" tIns="63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5"/>
                </a:spcBef>
              </a:pPr>
              <a:r>
                <a:rPr sz="250" spc="15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A</a:t>
              </a:r>
              <a:endParaRPr sz="2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93" name="object 155">
              <a:extLst>
                <a:ext uri="{FF2B5EF4-FFF2-40B4-BE49-F238E27FC236}">
                  <a16:creationId xmlns:a16="http://schemas.microsoft.com/office/drawing/2014/main" id="{FD15E411-961A-DCFE-21E4-5AD5A16AF7A0}"/>
                </a:ext>
              </a:extLst>
            </p:cNvPr>
            <p:cNvSpPr txBox="1"/>
            <p:nvPr/>
          </p:nvSpPr>
          <p:spPr>
            <a:xfrm rot="19800000">
              <a:off x="3548594" y="2655040"/>
              <a:ext cx="21345" cy="14684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40"/>
                </a:lnSpc>
              </a:pPr>
              <a:r>
                <a:rPr sz="150" b="1" spc="-5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++</a:t>
              </a:r>
              <a:endParaRPr sz="15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694" name="object 156">
              <a:extLst>
                <a:ext uri="{FF2B5EF4-FFF2-40B4-BE49-F238E27FC236}">
                  <a16:creationId xmlns:a16="http://schemas.microsoft.com/office/drawing/2014/main" id="{542422BD-DBC0-1AE6-E4DF-7ECCBCB87BA1}"/>
                </a:ext>
              </a:extLst>
            </p:cNvPr>
            <p:cNvSpPr/>
            <p:nvPr/>
          </p:nvSpPr>
          <p:spPr>
            <a:xfrm>
              <a:off x="3541548" y="2668823"/>
              <a:ext cx="25400" cy="29209"/>
            </a:xfrm>
            <a:custGeom>
              <a:avLst/>
              <a:gdLst/>
              <a:ahLst/>
              <a:cxnLst/>
              <a:rect l="l" t="t" r="r" b="b"/>
              <a:pathLst>
                <a:path w="25400" h="29210">
                  <a:moveTo>
                    <a:pt x="7547" y="27385"/>
                  </a:moveTo>
                  <a:lnTo>
                    <a:pt x="6067" y="19181"/>
                  </a:lnTo>
                  <a:lnTo>
                    <a:pt x="15422" y="13746"/>
                  </a:lnTo>
                  <a:lnTo>
                    <a:pt x="21967" y="19008"/>
                  </a:lnTo>
                  <a:lnTo>
                    <a:pt x="25338" y="17051"/>
                  </a:lnTo>
                  <a:lnTo>
                    <a:pt x="3186" y="0"/>
                  </a:lnTo>
                  <a:lnTo>
                    <a:pt x="0" y="1849"/>
                  </a:lnTo>
                  <a:lnTo>
                    <a:pt x="4403" y="29211"/>
                  </a:lnTo>
                  <a:lnTo>
                    <a:pt x="7547" y="27385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95" name="object 157">
              <a:extLst>
                <a:ext uri="{FF2B5EF4-FFF2-40B4-BE49-F238E27FC236}">
                  <a16:creationId xmlns:a16="http://schemas.microsoft.com/office/drawing/2014/main" id="{B2517C58-1255-6E8E-5D9D-8C1BE136CC92}"/>
                </a:ext>
              </a:extLst>
            </p:cNvPr>
            <p:cNvSpPr/>
            <p:nvPr/>
          </p:nvSpPr>
          <p:spPr>
            <a:xfrm>
              <a:off x="3544441" y="2672135"/>
              <a:ext cx="10795" cy="13335"/>
            </a:xfrm>
            <a:custGeom>
              <a:avLst/>
              <a:gdLst/>
              <a:ahLst/>
              <a:cxnLst/>
              <a:rect l="l" t="t" r="r" b="b"/>
              <a:pathLst>
                <a:path w="10795" h="13335">
                  <a:moveTo>
                    <a:pt x="1276" y="4969"/>
                  </a:moveTo>
                  <a:lnTo>
                    <a:pt x="972" y="3263"/>
                  </a:lnTo>
                  <a:lnTo>
                    <a:pt x="548" y="1598"/>
                  </a:lnTo>
                  <a:lnTo>
                    <a:pt x="0" y="0"/>
                  </a:lnTo>
                  <a:lnTo>
                    <a:pt x="1050" y="1014"/>
                  </a:lnTo>
                  <a:lnTo>
                    <a:pt x="2476" y="2249"/>
                  </a:lnTo>
                  <a:lnTo>
                    <a:pt x="4283" y="3717"/>
                  </a:lnTo>
                  <a:lnTo>
                    <a:pt x="10214" y="8555"/>
                  </a:lnTo>
                  <a:lnTo>
                    <a:pt x="2631" y="12958"/>
                  </a:lnTo>
                  <a:lnTo>
                    <a:pt x="1276" y="4969"/>
                  </a:lnTo>
                  <a:close/>
                </a:path>
              </a:pathLst>
            </a:custGeom>
            <a:ln w="3175">
              <a:solidFill>
                <a:srgbClr val="231F2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96" name="object 158">
              <a:extLst>
                <a:ext uri="{FF2B5EF4-FFF2-40B4-BE49-F238E27FC236}">
                  <a16:creationId xmlns:a16="http://schemas.microsoft.com/office/drawing/2014/main" id="{AB6C17A0-4626-07B5-A659-32513ABFF0C1}"/>
                </a:ext>
              </a:extLst>
            </p:cNvPr>
            <p:cNvSpPr txBox="1"/>
            <p:nvPr/>
          </p:nvSpPr>
          <p:spPr>
            <a:xfrm>
              <a:off x="954701" y="3014565"/>
              <a:ext cx="739140" cy="210827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12700">
                <a:lnSpc>
                  <a:spcPts val="1675"/>
                </a:lnSpc>
              </a:pPr>
              <a:r>
                <a:rPr sz="1400" spc="-5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e</a:t>
              </a:r>
              <a:r>
                <a:rPr sz="1200" spc="-7" baseline="34722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-</a:t>
              </a:r>
              <a:r>
                <a:rPr sz="1200" spc="-67" baseline="34722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 </a:t>
              </a:r>
              <a:r>
                <a:rPr sz="140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LINAC</a:t>
              </a:r>
            </a:p>
          </p:txBody>
        </p:sp>
        <p:sp>
          <p:nvSpPr>
            <p:cNvPr id="697" name="object 159">
              <a:extLst>
                <a:ext uri="{FF2B5EF4-FFF2-40B4-BE49-F238E27FC236}">
                  <a16:creationId xmlns:a16="http://schemas.microsoft.com/office/drawing/2014/main" id="{DDAB88E1-8A8A-EBA7-5EA2-CC2EDD9E858B}"/>
                </a:ext>
              </a:extLst>
            </p:cNvPr>
            <p:cNvSpPr txBox="1"/>
            <p:nvPr/>
          </p:nvSpPr>
          <p:spPr>
            <a:xfrm rot="21420000">
              <a:off x="3104808" y="2676669"/>
              <a:ext cx="252232" cy="234038"/>
            </a:xfrm>
            <a:prstGeom prst="rect">
              <a:avLst/>
            </a:prstGeom>
          </p:spPr>
          <p:txBody>
            <a:bodyPr vert="horz" wrap="square" lIns="0" tIns="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ts val="1795"/>
                </a:lnSpc>
              </a:pPr>
              <a:r>
                <a:rPr sz="1800" spc="25" dirty="0">
                  <a:solidFill>
                    <a:schemeClr val="bg2">
                      <a:lumMod val="25000"/>
                    </a:schemeClr>
                  </a:solidFill>
                  <a:cs typeface="Calibri"/>
                </a:rPr>
                <a:t>γ</a:t>
              </a:r>
              <a:endParaRPr sz="1800" dirty="0">
                <a:solidFill>
                  <a:schemeClr val="bg2">
                    <a:lumMod val="25000"/>
                  </a:schemeClr>
                </a:solidFill>
                <a:cs typeface="Calibri"/>
              </a:endParaRPr>
            </a:p>
          </p:txBody>
        </p:sp>
        <p:sp>
          <p:nvSpPr>
            <p:cNvPr id="698" name="object 173">
              <a:extLst>
                <a:ext uri="{FF2B5EF4-FFF2-40B4-BE49-F238E27FC236}">
                  <a16:creationId xmlns:a16="http://schemas.microsoft.com/office/drawing/2014/main" id="{2A66A985-D489-854F-7537-C901C08FAD29}"/>
                </a:ext>
              </a:extLst>
            </p:cNvPr>
            <p:cNvSpPr/>
            <p:nvPr/>
          </p:nvSpPr>
          <p:spPr>
            <a:xfrm>
              <a:off x="5132453" y="1036166"/>
              <a:ext cx="596265" cy="0"/>
            </a:xfrm>
            <a:custGeom>
              <a:avLst/>
              <a:gdLst/>
              <a:ahLst/>
              <a:cxnLst/>
              <a:rect l="l" t="t" r="r" b="b"/>
              <a:pathLst>
                <a:path w="596265">
                  <a:moveTo>
                    <a:pt x="0" y="0"/>
                  </a:moveTo>
                  <a:lnTo>
                    <a:pt x="595694" y="0"/>
                  </a:lnTo>
                </a:path>
              </a:pathLst>
            </a:custGeom>
            <a:ln w="17898">
              <a:solidFill>
                <a:srgbClr val="F5821F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699" name="object 174">
              <a:extLst>
                <a:ext uri="{FF2B5EF4-FFF2-40B4-BE49-F238E27FC236}">
                  <a16:creationId xmlns:a16="http://schemas.microsoft.com/office/drawing/2014/main" id="{BDC08272-AA54-43BC-A574-4D0B821551C1}"/>
                </a:ext>
              </a:extLst>
            </p:cNvPr>
            <p:cNvSpPr/>
            <p:nvPr/>
          </p:nvSpPr>
          <p:spPr>
            <a:xfrm>
              <a:off x="5705669" y="993614"/>
              <a:ext cx="76488" cy="85115"/>
            </a:xfrm>
            <a:prstGeom prst="rect">
              <a:avLst/>
            </a:prstGeom>
            <a:blipFill>
              <a:blip r:embed="rId7" cstate="print"/>
              <a:stretch>
                <a:fillRect/>
              </a:stretch>
            </a:blip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0" name="object 175">
              <a:extLst>
                <a:ext uri="{FF2B5EF4-FFF2-40B4-BE49-F238E27FC236}">
                  <a16:creationId xmlns:a16="http://schemas.microsoft.com/office/drawing/2014/main" id="{4A9885F7-E414-F2C5-9992-E2ECFD5998A9}"/>
                </a:ext>
              </a:extLst>
            </p:cNvPr>
            <p:cNvSpPr/>
            <p:nvPr/>
          </p:nvSpPr>
          <p:spPr>
            <a:xfrm>
              <a:off x="4217992" y="3392057"/>
              <a:ext cx="24130" cy="24130"/>
            </a:xfrm>
            <a:custGeom>
              <a:avLst/>
              <a:gdLst/>
              <a:ahLst/>
              <a:cxnLst/>
              <a:rect l="l" t="t" r="r" b="b"/>
              <a:pathLst>
                <a:path w="24129" h="24129">
                  <a:moveTo>
                    <a:pt x="23865" y="0"/>
                  </a:moveTo>
                  <a:lnTo>
                    <a:pt x="23865" y="23865"/>
                  </a:lnTo>
                  <a:lnTo>
                    <a:pt x="0" y="23865"/>
                  </a:lnTo>
                </a:path>
              </a:pathLst>
            </a:custGeom>
            <a:ln w="11932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1" name="object 176">
              <a:extLst>
                <a:ext uri="{FF2B5EF4-FFF2-40B4-BE49-F238E27FC236}">
                  <a16:creationId xmlns:a16="http://schemas.microsoft.com/office/drawing/2014/main" id="{67F19033-196C-2A74-A21F-DD338E77A3F4}"/>
                </a:ext>
              </a:extLst>
            </p:cNvPr>
            <p:cNvSpPr/>
            <p:nvPr/>
          </p:nvSpPr>
          <p:spPr>
            <a:xfrm>
              <a:off x="3032638" y="3415922"/>
              <a:ext cx="1137285" cy="0"/>
            </a:xfrm>
            <a:custGeom>
              <a:avLst/>
              <a:gdLst/>
              <a:ahLst/>
              <a:cxnLst/>
              <a:rect l="l" t="t" r="r" b="b"/>
              <a:pathLst>
                <a:path w="1137284">
                  <a:moveTo>
                    <a:pt x="1136971" y="0"/>
                  </a:moveTo>
                  <a:lnTo>
                    <a:pt x="0" y="0"/>
                  </a:lnTo>
                </a:path>
              </a:pathLst>
            </a:custGeom>
            <a:ln w="11932">
              <a:solidFill>
                <a:srgbClr val="000000"/>
              </a:solidFill>
              <a:prstDash val="lgDash"/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2" name="object 177">
              <a:extLst>
                <a:ext uri="{FF2B5EF4-FFF2-40B4-BE49-F238E27FC236}">
                  <a16:creationId xmlns:a16="http://schemas.microsoft.com/office/drawing/2014/main" id="{2EC3EA23-BE04-184E-AC64-7CA27CAE848A}"/>
                </a:ext>
              </a:extLst>
            </p:cNvPr>
            <p:cNvSpPr/>
            <p:nvPr/>
          </p:nvSpPr>
          <p:spPr>
            <a:xfrm>
              <a:off x="2984579" y="3392057"/>
              <a:ext cx="24130" cy="24130"/>
            </a:xfrm>
            <a:custGeom>
              <a:avLst/>
              <a:gdLst/>
              <a:ahLst/>
              <a:cxnLst/>
              <a:rect l="l" t="t" r="r" b="b"/>
              <a:pathLst>
                <a:path w="24129" h="24129">
                  <a:moveTo>
                    <a:pt x="23865" y="23865"/>
                  </a:moveTo>
                  <a:lnTo>
                    <a:pt x="0" y="23865"/>
                  </a:lnTo>
                  <a:lnTo>
                    <a:pt x="0" y="0"/>
                  </a:lnTo>
                </a:path>
              </a:pathLst>
            </a:custGeom>
            <a:ln w="11932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3" name="object 178">
              <a:extLst>
                <a:ext uri="{FF2B5EF4-FFF2-40B4-BE49-F238E27FC236}">
                  <a16:creationId xmlns:a16="http://schemas.microsoft.com/office/drawing/2014/main" id="{FFA25ED9-E296-763B-585C-7CEC68414339}"/>
                </a:ext>
              </a:extLst>
            </p:cNvPr>
            <p:cNvSpPr/>
            <p:nvPr/>
          </p:nvSpPr>
          <p:spPr>
            <a:xfrm>
              <a:off x="2984579" y="2774538"/>
              <a:ext cx="0" cy="568325"/>
            </a:xfrm>
            <a:custGeom>
              <a:avLst/>
              <a:gdLst/>
              <a:ahLst/>
              <a:cxnLst/>
              <a:rect l="l" t="t" r="r" b="b"/>
              <a:pathLst>
                <a:path h="568325">
                  <a:moveTo>
                    <a:pt x="0" y="568118"/>
                  </a:moveTo>
                  <a:lnTo>
                    <a:pt x="0" y="0"/>
                  </a:lnTo>
                </a:path>
              </a:pathLst>
            </a:custGeom>
            <a:ln w="11932">
              <a:solidFill>
                <a:srgbClr val="000000"/>
              </a:solidFill>
              <a:prstDash val="lgDash"/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5" name="object 180">
              <a:extLst>
                <a:ext uri="{FF2B5EF4-FFF2-40B4-BE49-F238E27FC236}">
                  <a16:creationId xmlns:a16="http://schemas.microsoft.com/office/drawing/2014/main" id="{9661D87C-3177-8E20-D96B-6A62CFF35732}"/>
                </a:ext>
              </a:extLst>
            </p:cNvPr>
            <p:cNvSpPr/>
            <p:nvPr/>
          </p:nvSpPr>
          <p:spPr>
            <a:xfrm>
              <a:off x="3056827" y="2725977"/>
              <a:ext cx="1137285" cy="0"/>
            </a:xfrm>
            <a:custGeom>
              <a:avLst/>
              <a:gdLst/>
              <a:ahLst/>
              <a:cxnLst/>
              <a:rect l="l" t="t" r="r" b="b"/>
              <a:pathLst>
                <a:path w="1137284">
                  <a:moveTo>
                    <a:pt x="0" y="0"/>
                  </a:moveTo>
                  <a:lnTo>
                    <a:pt x="1136971" y="0"/>
                  </a:lnTo>
                </a:path>
              </a:pathLst>
            </a:custGeom>
            <a:ln w="11932">
              <a:solidFill>
                <a:srgbClr val="000000"/>
              </a:solidFill>
              <a:prstDash val="lgDash"/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6" name="object 181">
              <a:extLst>
                <a:ext uri="{FF2B5EF4-FFF2-40B4-BE49-F238E27FC236}">
                  <a16:creationId xmlns:a16="http://schemas.microsoft.com/office/drawing/2014/main" id="{DE64BE7A-909C-C8A6-C563-7E664BEB40DD}"/>
                </a:ext>
              </a:extLst>
            </p:cNvPr>
            <p:cNvSpPr/>
            <p:nvPr/>
          </p:nvSpPr>
          <p:spPr>
            <a:xfrm>
              <a:off x="4217992" y="2725977"/>
              <a:ext cx="24130" cy="24130"/>
            </a:xfrm>
            <a:custGeom>
              <a:avLst/>
              <a:gdLst/>
              <a:ahLst/>
              <a:cxnLst/>
              <a:rect l="l" t="t" r="r" b="b"/>
              <a:pathLst>
                <a:path w="24129" h="24129">
                  <a:moveTo>
                    <a:pt x="0" y="0"/>
                  </a:moveTo>
                  <a:lnTo>
                    <a:pt x="23865" y="0"/>
                  </a:lnTo>
                  <a:lnTo>
                    <a:pt x="23865" y="23865"/>
                  </a:lnTo>
                </a:path>
              </a:pathLst>
            </a:custGeom>
            <a:ln w="11932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7" name="object 182">
              <a:extLst>
                <a:ext uri="{FF2B5EF4-FFF2-40B4-BE49-F238E27FC236}">
                  <a16:creationId xmlns:a16="http://schemas.microsoft.com/office/drawing/2014/main" id="{641D9766-0CC7-FE06-1792-EA13035E4D78}"/>
                </a:ext>
              </a:extLst>
            </p:cNvPr>
            <p:cNvSpPr/>
            <p:nvPr/>
          </p:nvSpPr>
          <p:spPr>
            <a:xfrm>
              <a:off x="4241858" y="2799242"/>
              <a:ext cx="0" cy="568325"/>
            </a:xfrm>
            <a:custGeom>
              <a:avLst/>
              <a:gdLst/>
              <a:ahLst/>
              <a:cxnLst/>
              <a:rect l="l" t="t" r="r" b="b"/>
              <a:pathLst>
                <a:path h="568325">
                  <a:moveTo>
                    <a:pt x="0" y="0"/>
                  </a:moveTo>
                  <a:lnTo>
                    <a:pt x="0" y="568118"/>
                  </a:lnTo>
                </a:path>
              </a:pathLst>
            </a:custGeom>
            <a:ln w="11932">
              <a:solidFill>
                <a:srgbClr val="000000"/>
              </a:solidFill>
              <a:prstDash val="lgDash"/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08" name="object 183">
              <a:extLst>
                <a:ext uri="{FF2B5EF4-FFF2-40B4-BE49-F238E27FC236}">
                  <a16:creationId xmlns:a16="http://schemas.microsoft.com/office/drawing/2014/main" id="{93ADFA14-68A0-80ED-7CE4-4807B26202FB}"/>
                </a:ext>
              </a:extLst>
            </p:cNvPr>
            <p:cNvSpPr txBox="1"/>
            <p:nvPr/>
          </p:nvSpPr>
          <p:spPr>
            <a:xfrm>
              <a:off x="3727102" y="2775182"/>
              <a:ext cx="2381250" cy="455295"/>
            </a:xfrm>
            <a:prstGeom prst="rect">
              <a:avLst/>
            </a:prstGeom>
          </p:spPr>
          <p:txBody>
            <a:bodyPr vert="horz" wrap="square" lIns="0" tIns="13970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110"/>
                </a:spcBef>
                <a:tabLst>
                  <a:tab pos="626745" algn="l"/>
                </a:tabLst>
              </a:pPr>
              <a:r>
                <a:rPr sz="140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60 </a:t>
              </a:r>
              <a:r>
                <a:rPr sz="1400" spc="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kV	</a:t>
              </a:r>
              <a:r>
                <a:rPr sz="140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Target and ion</a:t>
              </a:r>
              <a:r>
                <a:rPr sz="1400" spc="-35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 </a:t>
              </a:r>
              <a:r>
                <a:rPr sz="140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source</a:t>
              </a:r>
            </a:p>
            <a:p>
              <a:pPr marL="1179830">
                <a:lnSpc>
                  <a:spcPct val="100000"/>
                </a:lnSpc>
                <a:spcBef>
                  <a:spcPts val="10"/>
                </a:spcBef>
              </a:pPr>
              <a:r>
                <a:rPr sz="140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2000</a:t>
              </a:r>
              <a:r>
                <a:rPr sz="1400" spc="-1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 </a:t>
              </a:r>
              <a:r>
                <a:rPr sz="1200" spc="0" baseline="3125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o</a:t>
              </a:r>
              <a:r>
                <a:rPr sz="1400" spc="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C</a:t>
              </a:r>
              <a:endParaRPr sz="1400" dirty="0">
                <a:solidFill>
                  <a:schemeClr val="bg2">
                    <a:lumMod val="25000"/>
                  </a:schemeClr>
                </a:solidFill>
                <a:cs typeface="Arial"/>
              </a:endParaRPr>
            </a:p>
          </p:txBody>
        </p:sp>
        <p:sp>
          <p:nvSpPr>
            <p:cNvPr id="710" name="object 185">
              <a:extLst>
                <a:ext uri="{FF2B5EF4-FFF2-40B4-BE49-F238E27FC236}">
                  <a16:creationId xmlns:a16="http://schemas.microsoft.com/office/drawing/2014/main" id="{7A28BACE-6397-53CE-8291-E7DD5FC9EB6B}"/>
                </a:ext>
              </a:extLst>
            </p:cNvPr>
            <p:cNvSpPr/>
            <p:nvPr/>
          </p:nvSpPr>
          <p:spPr>
            <a:xfrm>
              <a:off x="3421170" y="3186525"/>
              <a:ext cx="58419" cy="57150"/>
            </a:xfrm>
            <a:custGeom>
              <a:avLst/>
              <a:gdLst/>
              <a:ahLst/>
              <a:cxnLst/>
              <a:rect l="l" t="t" r="r" b="b"/>
              <a:pathLst>
                <a:path w="58420" h="57150">
                  <a:moveTo>
                    <a:pt x="57831" y="0"/>
                  </a:moveTo>
                  <a:lnTo>
                    <a:pt x="0" y="13955"/>
                  </a:lnTo>
                  <a:lnTo>
                    <a:pt x="40994" y="57067"/>
                  </a:lnTo>
                  <a:lnTo>
                    <a:pt x="57831" y="0"/>
                  </a:lnTo>
                  <a:close/>
                </a:path>
              </a:pathLst>
            </a:custGeom>
            <a:solidFill>
              <a:srgbClr val="000000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11" name="object 186">
              <a:extLst>
                <a:ext uri="{FF2B5EF4-FFF2-40B4-BE49-F238E27FC236}">
                  <a16:creationId xmlns:a16="http://schemas.microsoft.com/office/drawing/2014/main" id="{BA0EFE1B-21B2-73E6-E44C-41D640AD5CED}"/>
                </a:ext>
              </a:extLst>
            </p:cNvPr>
            <p:cNvSpPr/>
            <p:nvPr/>
          </p:nvSpPr>
          <p:spPr>
            <a:xfrm>
              <a:off x="3509627" y="3069182"/>
              <a:ext cx="874394" cy="56515"/>
            </a:xfrm>
            <a:custGeom>
              <a:avLst/>
              <a:gdLst/>
              <a:ahLst/>
              <a:cxnLst/>
              <a:rect l="l" t="t" r="r" b="b"/>
              <a:pathLst>
                <a:path w="874395" h="56514">
                  <a:moveTo>
                    <a:pt x="873784" y="0"/>
                  </a:moveTo>
                  <a:lnTo>
                    <a:pt x="0" y="55958"/>
                  </a:lnTo>
                </a:path>
              </a:pathLst>
            </a:custGeom>
            <a:ln w="11932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12" name="object 187">
              <a:extLst>
                <a:ext uri="{FF2B5EF4-FFF2-40B4-BE49-F238E27FC236}">
                  <a16:creationId xmlns:a16="http://schemas.microsoft.com/office/drawing/2014/main" id="{B3292B66-DED4-414E-68FC-230A515EAE69}"/>
                </a:ext>
              </a:extLst>
            </p:cNvPr>
            <p:cNvSpPr/>
            <p:nvPr/>
          </p:nvSpPr>
          <p:spPr>
            <a:xfrm>
              <a:off x="3466894" y="3094898"/>
              <a:ext cx="53340" cy="59690"/>
            </a:xfrm>
            <a:custGeom>
              <a:avLst/>
              <a:gdLst/>
              <a:ahLst/>
              <a:cxnLst/>
              <a:rect l="l" t="t" r="r" b="b"/>
              <a:pathLst>
                <a:path w="53340" h="59689">
                  <a:moveTo>
                    <a:pt x="49514" y="0"/>
                  </a:moveTo>
                  <a:lnTo>
                    <a:pt x="0" y="32981"/>
                  </a:lnTo>
                  <a:lnTo>
                    <a:pt x="53320" y="59376"/>
                  </a:lnTo>
                  <a:lnTo>
                    <a:pt x="49514" y="0"/>
                  </a:lnTo>
                  <a:close/>
                </a:path>
              </a:pathLst>
            </a:custGeom>
            <a:solidFill>
              <a:srgbClr val="000000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17" name="object 308">
              <a:extLst>
                <a:ext uri="{FF2B5EF4-FFF2-40B4-BE49-F238E27FC236}">
                  <a16:creationId xmlns:a16="http://schemas.microsoft.com/office/drawing/2014/main" id="{2CD20508-8AAB-15FA-B757-31ECCFFEDAEA}"/>
                </a:ext>
              </a:extLst>
            </p:cNvPr>
            <p:cNvSpPr/>
            <p:nvPr/>
          </p:nvSpPr>
          <p:spPr>
            <a:xfrm>
              <a:off x="4717432" y="391379"/>
              <a:ext cx="0" cy="336550"/>
            </a:xfrm>
            <a:custGeom>
              <a:avLst/>
              <a:gdLst/>
              <a:ahLst/>
              <a:cxnLst/>
              <a:rect l="l" t="t" r="r" b="b"/>
              <a:pathLst>
                <a:path h="336550">
                  <a:moveTo>
                    <a:pt x="0" y="0"/>
                  </a:moveTo>
                  <a:lnTo>
                    <a:pt x="0" y="336446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18" name="object 309">
              <a:extLst>
                <a:ext uri="{FF2B5EF4-FFF2-40B4-BE49-F238E27FC236}">
                  <a16:creationId xmlns:a16="http://schemas.microsoft.com/office/drawing/2014/main" id="{6A1108B6-6BA0-06AC-E878-B4F433ED30D0}"/>
                </a:ext>
              </a:extLst>
            </p:cNvPr>
            <p:cNvSpPr/>
            <p:nvPr/>
          </p:nvSpPr>
          <p:spPr>
            <a:xfrm>
              <a:off x="4721989" y="926080"/>
              <a:ext cx="0" cy="330835"/>
            </a:xfrm>
            <a:custGeom>
              <a:avLst/>
              <a:gdLst/>
              <a:ahLst/>
              <a:cxnLst/>
              <a:rect l="l" t="t" r="r" b="b"/>
              <a:pathLst>
                <a:path h="330835">
                  <a:moveTo>
                    <a:pt x="0" y="0"/>
                  </a:moveTo>
                  <a:lnTo>
                    <a:pt x="0" y="330754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19" name="object 310">
              <a:extLst>
                <a:ext uri="{FF2B5EF4-FFF2-40B4-BE49-F238E27FC236}">
                  <a16:creationId xmlns:a16="http://schemas.microsoft.com/office/drawing/2014/main" id="{950793C6-5FF6-5F09-FB5D-7EF61F2FDD92}"/>
                </a:ext>
              </a:extLst>
            </p:cNvPr>
            <p:cNvSpPr/>
            <p:nvPr/>
          </p:nvSpPr>
          <p:spPr>
            <a:xfrm>
              <a:off x="4729103" y="715800"/>
              <a:ext cx="1074420" cy="0"/>
            </a:xfrm>
            <a:custGeom>
              <a:avLst/>
              <a:gdLst/>
              <a:ahLst/>
              <a:cxnLst/>
              <a:rect l="l" t="t" r="r" b="b"/>
              <a:pathLst>
                <a:path w="1074420">
                  <a:moveTo>
                    <a:pt x="0" y="0"/>
                  </a:moveTo>
                  <a:lnTo>
                    <a:pt x="1073936" y="0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20" name="object 311">
              <a:extLst>
                <a:ext uri="{FF2B5EF4-FFF2-40B4-BE49-F238E27FC236}">
                  <a16:creationId xmlns:a16="http://schemas.microsoft.com/office/drawing/2014/main" id="{7642A2FA-3D58-8041-C3E6-79123A173C1A}"/>
                </a:ext>
              </a:extLst>
            </p:cNvPr>
            <p:cNvSpPr/>
            <p:nvPr/>
          </p:nvSpPr>
          <p:spPr>
            <a:xfrm>
              <a:off x="4729103" y="938135"/>
              <a:ext cx="1074420" cy="0"/>
            </a:xfrm>
            <a:custGeom>
              <a:avLst/>
              <a:gdLst/>
              <a:ahLst/>
              <a:cxnLst/>
              <a:rect l="l" t="t" r="r" b="b"/>
              <a:pathLst>
                <a:path w="1074420">
                  <a:moveTo>
                    <a:pt x="0" y="0"/>
                  </a:moveTo>
                  <a:lnTo>
                    <a:pt x="1073936" y="0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721" name="object 312">
              <a:extLst>
                <a:ext uri="{FF2B5EF4-FFF2-40B4-BE49-F238E27FC236}">
                  <a16:creationId xmlns:a16="http://schemas.microsoft.com/office/drawing/2014/main" id="{ADDFEF99-A33F-58B5-12AF-A83A669CAD95}"/>
                </a:ext>
              </a:extLst>
            </p:cNvPr>
            <p:cNvSpPr txBox="1"/>
            <p:nvPr/>
          </p:nvSpPr>
          <p:spPr>
            <a:xfrm>
              <a:off x="4755559" y="1228384"/>
              <a:ext cx="1524635" cy="440377"/>
            </a:xfrm>
            <a:prstGeom prst="rect">
              <a:avLst/>
            </a:prstGeom>
          </p:spPr>
          <p:txBody>
            <a:bodyPr vert="horz" wrap="square" lIns="0" tIns="12065" rIns="0" bIns="0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R="5080" indent="-635" algn="ctr">
                <a:lnSpc>
                  <a:spcPct val="100699"/>
                </a:lnSpc>
                <a:spcBef>
                  <a:spcPts val="95"/>
                </a:spcBef>
              </a:pPr>
              <a:r>
                <a:rPr sz="1400" spc="-5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Radioactive ion  </a:t>
              </a:r>
              <a:r>
                <a:rPr sz="1400" dirty="0">
                  <a:solidFill>
                    <a:schemeClr val="bg2">
                      <a:lumMod val="25000"/>
                    </a:schemeClr>
                  </a:solidFill>
                  <a:cs typeface="Arial"/>
                </a:rPr>
                <a:t>beams</a:t>
              </a:r>
            </a:p>
          </p:txBody>
        </p:sp>
        <p:sp>
          <p:nvSpPr>
            <p:cNvPr id="12" name="object 66">
              <a:extLst>
                <a:ext uri="{FF2B5EF4-FFF2-40B4-BE49-F238E27FC236}">
                  <a16:creationId xmlns:a16="http://schemas.microsoft.com/office/drawing/2014/main" id="{77EF5893-B609-63B3-B66E-3AF126BBFE7E}"/>
                </a:ext>
              </a:extLst>
            </p:cNvPr>
            <p:cNvSpPr/>
            <p:nvPr/>
          </p:nvSpPr>
          <p:spPr>
            <a:xfrm>
              <a:off x="3291120" y="2329920"/>
              <a:ext cx="635" cy="160655"/>
            </a:xfrm>
            <a:custGeom>
              <a:avLst/>
              <a:gdLst/>
              <a:ahLst/>
              <a:cxnLst/>
              <a:rect l="l" t="t" r="r" b="b"/>
              <a:pathLst>
                <a:path w="634" h="160654">
                  <a:moveTo>
                    <a:pt x="220" y="-11932"/>
                  </a:moveTo>
                  <a:lnTo>
                    <a:pt x="220" y="172414"/>
                  </a:lnTo>
                </a:path>
              </a:pathLst>
            </a:custGeom>
            <a:ln w="24306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3" name="object 67">
              <a:extLst>
                <a:ext uri="{FF2B5EF4-FFF2-40B4-BE49-F238E27FC236}">
                  <a16:creationId xmlns:a16="http://schemas.microsoft.com/office/drawing/2014/main" id="{BF479FB4-09A1-1DFB-49D4-1C342D15A728}"/>
                </a:ext>
              </a:extLst>
            </p:cNvPr>
            <p:cNvSpPr/>
            <p:nvPr/>
          </p:nvSpPr>
          <p:spPr>
            <a:xfrm>
              <a:off x="3172945" y="2424317"/>
              <a:ext cx="104139" cy="1905"/>
            </a:xfrm>
            <a:custGeom>
              <a:avLst/>
              <a:gdLst/>
              <a:ahLst/>
              <a:cxnLst/>
              <a:rect l="l" t="t" r="r" b="b"/>
              <a:pathLst>
                <a:path w="104140" h="1904">
                  <a:moveTo>
                    <a:pt x="103927" y="0"/>
                  </a:moveTo>
                  <a:lnTo>
                    <a:pt x="0" y="1897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4" name="object 68">
              <a:extLst>
                <a:ext uri="{FF2B5EF4-FFF2-40B4-BE49-F238E27FC236}">
                  <a16:creationId xmlns:a16="http://schemas.microsoft.com/office/drawing/2014/main" id="{0F8E2A5E-C5FA-4624-2294-CB258EB9BF37}"/>
                </a:ext>
              </a:extLst>
            </p:cNvPr>
            <p:cNvSpPr/>
            <p:nvPr/>
          </p:nvSpPr>
          <p:spPr>
            <a:xfrm>
              <a:off x="3154722" y="2337404"/>
              <a:ext cx="24130" cy="179070"/>
            </a:xfrm>
            <a:custGeom>
              <a:avLst/>
              <a:gdLst/>
              <a:ahLst/>
              <a:cxnLst/>
              <a:rect l="l" t="t" r="r" b="b"/>
              <a:pathLst>
                <a:path w="24129" h="179070">
                  <a:moveTo>
                    <a:pt x="0" y="178864"/>
                  </a:moveTo>
                  <a:lnTo>
                    <a:pt x="24032" y="178864"/>
                  </a:lnTo>
                  <a:lnTo>
                    <a:pt x="24032" y="0"/>
                  </a:lnTo>
                  <a:lnTo>
                    <a:pt x="0" y="0"/>
                  </a:lnTo>
                  <a:lnTo>
                    <a:pt x="0" y="178864"/>
                  </a:lnTo>
                  <a:close/>
                </a:path>
              </a:pathLst>
            </a:custGeom>
            <a:solidFill>
              <a:srgbClr val="000000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5" name="object 69">
              <a:extLst>
                <a:ext uri="{FF2B5EF4-FFF2-40B4-BE49-F238E27FC236}">
                  <a16:creationId xmlns:a16="http://schemas.microsoft.com/office/drawing/2014/main" id="{E84947A8-0DB8-F5AF-C5BD-A5DC7E057C43}"/>
                </a:ext>
              </a:extLst>
            </p:cNvPr>
            <p:cNvSpPr/>
            <p:nvPr/>
          </p:nvSpPr>
          <p:spPr>
            <a:xfrm>
              <a:off x="3154722" y="2337404"/>
              <a:ext cx="24130" cy="179070"/>
            </a:xfrm>
            <a:custGeom>
              <a:avLst/>
              <a:gdLst/>
              <a:ahLst/>
              <a:cxnLst/>
              <a:rect l="l" t="t" r="r" b="b"/>
              <a:pathLst>
                <a:path w="24129" h="179070">
                  <a:moveTo>
                    <a:pt x="0" y="178864"/>
                  </a:moveTo>
                  <a:lnTo>
                    <a:pt x="24032" y="178864"/>
                  </a:lnTo>
                  <a:lnTo>
                    <a:pt x="24032" y="0"/>
                  </a:lnTo>
                  <a:lnTo>
                    <a:pt x="0" y="0"/>
                  </a:lnTo>
                  <a:lnTo>
                    <a:pt x="0" y="178864"/>
                  </a:lnTo>
                  <a:close/>
                </a:path>
              </a:pathLst>
            </a:custGeom>
            <a:solidFill>
              <a:srgbClr val="000000"/>
            </a:solidFill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  <p:sp>
          <p:nvSpPr>
            <p:cNvPr id="16" name="object 70">
              <a:extLst>
                <a:ext uri="{FF2B5EF4-FFF2-40B4-BE49-F238E27FC236}">
                  <a16:creationId xmlns:a16="http://schemas.microsoft.com/office/drawing/2014/main" id="{A3E51682-91E8-572C-4DC4-9693D37FB29A}"/>
                </a:ext>
              </a:extLst>
            </p:cNvPr>
            <p:cNvSpPr/>
            <p:nvPr/>
          </p:nvSpPr>
          <p:spPr>
            <a:xfrm>
              <a:off x="3124892" y="2375139"/>
              <a:ext cx="635" cy="105410"/>
            </a:xfrm>
            <a:custGeom>
              <a:avLst/>
              <a:gdLst/>
              <a:ahLst/>
              <a:cxnLst/>
              <a:rect l="l" t="t" r="r" b="b"/>
              <a:pathLst>
                <a:path w="634" h="105410">
                  <a:moveTo>
                    <a:pt x="119" y="0"/>
                  </a:moveTo>
                  <a:lnTo>
                    <a:pt x="0" y="105400"/>
                  </a:lnTo>
                </a:path>
              </a:pathLst>
            </a:custGeom>
            <a:ln w="23865">
              <a:solidFill>
                <a:srgbClr val="000000"/>
              </a:solidFill>
            </a:ln>
          </p:spPr>
          <p:txBody>
            <a:bodyPr wrap="square" lIns="0" tIns="0" rIns="0" bIns="0" rtlCol="0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>
                <a:solidFill>
                  <a:schemeClr val="bg2">
                    <a:lumMod val="25000"/>
                  </a:schemeClr>
                </a:solidFill>
              </a:endParaRPr>
            </a:p>
          </p:txBody>
        </p:sp>
      </p:grpSp>
      <p:sp>
        <p:nvSpPr>
          <p:cNvPr id="17" name="TextBox 16">
            <a:extLst>
              <a:ext uri="{FF2B5EF4-FFF2-40B4-BE49-F238E27FC236}">
                <a16:creationId xmlns:a16="http://schemas.microsoft.com/office/drawing/2014/main" id="{FC3C91F5-F495-D147-56CA-B5DDEB70706E}"/>
              </a:ext>
            </a:extLst>
          </p:cNvPr>
          <p:cNvSpPr txBox="1"/>
          <p:nvPr/>
        </p:nvSpPr>
        <p:spPr>
          <a:xfrm>
            <a:off x="6201265" y="5685899"/>
            <a:ext cx="2801828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33363" indent="-233363"/>
            <a:r>
              <a:rPr lang="en-US" sz="1600" dirty="0">
                <a:solidFill>
                  <a:schemeClr val="bg2">
                    <a:lumMod val="25000"/>
                  </a:schemeClr>
                </a:solidFill>
              </a:rPr>
              <a:t>→ Thin target or </a:t>
            </a:r>
            <a:br>
              <a:rPr lang="en-US" sz="1600" dirty="0">
                <a:solidFill>
                  <a:schemeClr val="bg2">
                    <a:lumMod val="25000"/>
                  </a:schemeClr>
                </a:solidFill>
              </a:rPr>
            </a:br>
            <a:r>
              <a:rPr lang="en-US" sz="1600" dirty="0">
                <a:solidFill>
                  <a:schemeClr val="bg2">
                    <a:lumMod val="25000"/>
                  </a:schemeClr>
                </a:solidFill>
              </a:rPr>
              <a:t>change of orientation</a:t>
            </a:r>
          </a:p>
        </p:txBody>
      </p:sp>
      <p:pic>
        <p:nvPicPr>
          <p:cNvPr id="986" name="Picture 985">
            <a:extLst>
              <a:ext uri="{FF2B5EF4-FFF2-40B4-BE49-F238E27FC236}">
                <a16:creationId xmlns:a16="http://schemas.microsoft.com/office/drawing/2014/main" id="{AC09141C-21E6-C070-B792-A0828D5618FB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l="71737"/>
          <a:stretch/>
        </p:blipFill>
        <p:spPr>
          <a:xfrm>
            <a:off x="8982232" y="2292317"/>
            <a:ext cx="2834248" cy="3376680"/>
          </a:xfrm>
          <a:prstGeom prst="rect">
            <a:avLst/>
          </a:prstGeom>
        </p:spPr>
      </p:pic>
      <p:pic>
        <p:nvPicPr>
          <p:cNvPr id="987" name="Picture 986">
            <a:extLst>
              <a:ext uri="{FF2B5EF4-FFF2-40B4-BE49-F238E27FC236}">
                <a16:creationId xmlns:a16="http://schemas.microsoft.com/office/drawing/2014/main" id="{78ED4EA7-21F8-1119-E5BE-DE44BF7466F1}"/>
              </a:ext>
            </a:extLst>
          </p:cNvPr>
          <p:cNvPicPr>
            <a:picLocks noChangeAspect="1"/>
          </p:cNvPicPr>
          <p:nvPr/>
        </p:nvPicPr>
        <p:blipFill rotWithShape="1">
          <a:blip r:embed="rId9"/>
          <a:srcRect r="70143"/>
          <a:stretch/>
        </p:blipFill>
        <p:spPr>
          <a:xfrm>
            <a:off x="6110474" y="2351904"/>
            <a:ext cx="2994044" cy="3376680"/>
          </a:xfrm>
          <a:prstGeom prst="rect">
            <a:avLst/>
          </a:prstGeom>
        </p:spPr>
      </p:pic>
      <p:sp>
        <p:nvSpPr>
          <p:cNvPr id="989" name="TextBox 988">
            <a:extLst>
              <a:ext uri="{FF2B5EF4-FFF2-40B4-BE49-F238E27FC236}">
                <a16:creationId xmlns:a16="http://schemas.microsoft.com/office/drawing/2014/main" id="{8136BA23-2B05-B331-FBE8-85FB22421A0A}"/>
              </a:ext>
            </a:extLst>
          </p:cNvPr>
          <p:cNvSpPr txBox="1"/>
          <p:nvPr/>
        </p:nvSpPr>
        <p:spPr>
          <a:xfrm>
            <a:off x="9119007" y="5668997"/>
            <a:ext cx="2795401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33363" indent="-233363"/>
            <a:r>
              <a:rPr lang="en-US" sz="1600" dirty="0">
                <a:solidFill>
                  <a:schemeClr val="bg2">
                    <a:lumMod val="25000"/>
                  </a:schemeClr>
                </a:solidFill>
              </a:rPr>
              <a:t>→ ISAC target geometry not viable for AETE.</a:t>
            </a:r>
          </a:p>
        </p:txBody>
      </p:sp>
      <p:pic>
        <p:nvPicPr>
          <p:cNvPr id="1002" name="Picture 1001">
            <a:extLst>
              <a:ext uri="{FF2B5EF4-FFF2-40B4-BE49-F238E27FC236}">
                <a16:creationId xmlns:a16="http://schemas.microsoft.com/office/drawing/2014/main" id="{596A9855-A1B9-DCFF-8490-14B0DB65C009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6229159" y="646182"/>
            <a:ext cx="2834248" cy="1625327"/>
          </a:xfrm>
          <a:prstGeom prst="rect">
            <a:avLst/>
          </a:prstGeom>
        </p:spPr>
      </p:pic>
      <p:pic>
        <p:nvPicPr>
          <p:cNvPr id="1003" name="Picture 1002">
            <a:extLst>
              <a:ext uri="{FF2B5EF4-FFF2-40B4-BE49-F238E27FC236}">
                <a16:creationId xmlns:a16="http://schemas.microsoft.com/office/drawing/2014/main" id="{6FEDE28D-FEE2-0FC1-C71A-AF2D2ADACEBE}"/>
              </a:ext>
            </a:extLst>
          </p:cNvPr>
          <p:cNvPicPr>
            <a:picLocks noChangeAspect="1"/>
          </p:cNvPicPr>
          <p:nvPr/>
        </p:nvPicPr>
        <p:blipFill rotWithShape="1">
          <a:blip r:embed="rId11"/>
          <a:srcRect l="9154" t="1466" r="2494" b="4518"/>
          <a:stretch/>
        </p:blipFill>
        <p:spPr>
          <a:xfrm rot="5400000">
            <a:off x="9625039" y="798803"/>
            <a:ext cx="1724703" cy="1515591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6684DD57-D89B-34C1-ACF0-592DC9DE12C2}"/>
              </a:ext>
            </a:extLst>
          </p:cNvPr>
          <p:cNvSpPr txBox="1"/>
          <p:nvPr/>
        </p:nvSpPr>
        <p:spPr>
          <a:xfrm>
            <a:off x="654805" y="6340084"/>
            <a:ext cx="10465622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b="1" dirty="0"/>
              <a:t>→ ISAC isotope extraction efficiencies not directly applicable to ARIEL AETE, but best assumption available… </a:t>
            </a:r>
          </a:p>
        </p:txBody>
      </p:sp>
    </p:spTree>
    <p:extLst>
      <p:ext uri="{BB962C8B-B14F-4D97-AF65-F5344CB8AC3E}">
        <p14:creationId xmlns:p14="http://schemas.microsoft.com/office/powerpoint/2010/main" val="10098905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/>
      <p:bldP spid="989" grpId="0"/>
      <p:bldP spid="3" grpId="0" animBg="1"/>
    </p:bld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108D57C0-12E5-8016-66B3-34C8D0B92D2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A"/>
              <a:t>ARIEL Program Organisation Chart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259891FA-D0C9-EAFA-D8FB-1D6B17341A7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8270" y="1066800"/>
            <a:ext cx="11815585" cy="48798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3712809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83015C-4683-F528-6864-192AFBCE36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A"/>
              <a:t>ARIEL CFI Projects Objectives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8E27113-6562-9AA0-7238-A0A726C7DA1A}"/>
              </a:ext>
            </a:extLst>
          </p:cNvPr>
          <p:cNvSpPr txBox="1"/>
          <p:nvPr/>
        </p:nvSpPr>
        <p:spPr>
          <a:xfrm>
            <a:off x="486789" y="804270"/>
            <a:ext cx="10811476" cy="429348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en-CA"/>
              <a:t>Hot Cell</a:t>
            </a:r>
          </a:p>
          <a:p>
            <a:pPr marL="742950" lvl="1" indent="-28575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/>
              <a:t>A hot cell facility supporting ARIEL MRO </a:t>
            </a:r>
          </a:p>
          <a:p>
            <a:pPr marL="742950" lvl="1" indent="-28575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/>
              <a:t>90% completed – Hot cell installation completed. Temporary east shielding and minor technical modifications required.</a:t>
            </a:r>
            <a:br>
              <a:rPr lang="en-CA" sz="700"/>
            </a:br>
            <a:endParaRPr lang="en-CA" sz="700"/>
          </a:p>
          <a:p>
            <a:pPr marL="342900" indent="-342900">
              <a:buFont typeface="+mj-lt"/>
              <a:buAutoNum type="arabicPeriod"/>
            </a:pPr>
            <a:r>
              <a:rPr lang="en-CA"/>
              <a:t>CANREB beam lines</a:t>
            </a:r>
          </a:p>
          <a:p>
            <a:pPr marL="742950" lvl="1" indent="-28575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/>
              <a:t>Beamline switchyard, delivering RIB from both ARIEL target stations into ISAC and CANREB. </a:t>
            </a:r>
          </a:p>
          <a:p>
            <a:pPr marL="742950" lvl="1" indent="-28575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/>
              <a:t>Beamline installation 98% complete, CFI milestone delivered (2019), receiving operational funds (IOF)</a:t>
            </a:r>
            <a:br>
              <a:rPr lang="en-CA" sz="700"/>
            </a:br>
            <a:endParaRPr lang="en-CA" sz="700"/>
          </a:p>
          <a:p>
            <a:pPr marL="342900" indent="-342900">
              <a:buFont typeface="+mj-lt"/>
              <a:buAutoNum type="arabicPeriod"/>
            </a:pPr>
            <a:r>
              <a:rPr lang="en-CA"/>
              <a:t>High-Mass Rare Isotope Beam from ISAC to ARIEL to ISAC</a:t>
            </a:r>
          </a:p>
          <a:p>
            <a:pPr marL="742950" lvl="1" indent="-28575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/>
              <a:t>Beamline switchyard, delivering RIB from ISAC into CANREB-EBIS and back into ISAC post accelerator. </a:t>
            </a:r>
          </a:p>
          <a:p>
            <a:pPr marL="742950" lvl="1" indent="-28575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/>
              <a:t>Demonstrated and CFI milestone delivered (2020)</a:t>
            </a:r>
            <a:br>
              <a:rPr lang="en-CA" sz="700"/>
            </a:br>
            <a:endParaRPr lang="en-CA" sz="700"/>
          </a:p>
          <a:p>
            <a:pPr marL="342900" indent="-342900">
              <a:buFont typeface="+mj-lt"/>
              <a:buAutoNum type="arabicPeriod"/>
            </a:pPr>
            <a:r>
              <a:rPr lang="en-CA"/>
              <a:t>ARIEL Electron Target East (AETE)</a:t>
            </a:r>
          </a:p>
          <a:p>
            <a:pPr marL="742950" lvl="1" indent="-28575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/>
              <a:t>A design for a capable and innovative electron-driven ISOL target station with clear upgrade path towards 100 kW operation. </a:t>
            </a:r>
          </a:p>
          <a:p>
            <a:pPr marL="742950" lvl="1" indent="-28575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/>
              <a:t>Target module design completed; CFI design milestone delivered.</a:t>
            </a:r>
            <a:r>
              <a:rPr lang="en-CA" sz="700"/>
              <a:t> </a:t>
            </a:r>
          </a:p>
        </p:txBody>
      </p:sp>
      <p:pic>
        <p:nvPicPr>
          <p:cNvPr id="2052" name="Picture 4" descr="Green check mark vector icon with circle. Checkmark Illustration. 19521981  Vector Art at Vecteezy">
            <a:extLst>
              <a:ext uri="{FF2B5EF4-FFF2-40B4-BE49-F238E27FC236}">
                <a16:creationId xmlns:a16="http://schemas.microsoft.com/office/drawing/2014/main" id="{6C3CAA69-E430-9773-6811-AF7F10EE120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2791" y="80427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4" descr="Green check mark vector icon with circle. Checkmark Illustration. 19521981  Vector Art at Vecteezy">
            <a:extLst>
              <a:ext uri="{FF2B5EF4-FFF2-40B4-BE49-F238E27FC236}">
                <a16:creationId xmlns:a16="http://schemas.microsoft.com/office/drawing/2014/main" id="{C5DE5BCA-2860-7F0B-DC9C-F768E219859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2791" y="2040413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4" descr="Green check mark vector icon with circle. Checkmark Illustration. 19521981  Vector Art at Vecteezy">
            <a:extLst>
              <a:ext uri="{FF2B5EF4-FFF2-40B4-BE49-F238E27FC236}">
                <a16:creationId xmlns:a16="http://schemas.microsoft.com/office/drawing/2014/main" id="{F52B8207-4ABC-1542-F361-88E93533C4B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2791" y="2953896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4" descr="Green check mark vector icon with circle. Checkmark Illustration. 19521981  Vector Art at Vecteezy">
            <a:extLst>
              <a:ext uri="{FF2B5EF4-FFF2-40B4-BE49-F238E27FC236}">
                <a16:creationId xmlns:a16="http://schemas.microsoft.com/office/drawing/2014/main" id="{D75B57B5-F8D6-4FD3-E840-3BAB34E8C43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2791" y="3901704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19750610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83015C-4683-F528-6864-192AFBCE36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A"/>
              <a:t>ARIEL CFI Projects Objectives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8E27113-6562-9AA0-7238-A0A726C7DA1A}"/>
              </a:ext>
            </a:extLst>
          </p:cNvPr>
          <p:cNvSpPr txBox="1"/>
          <p:nvPr/>
        </p:nvSpPr>
        <p:spPr>
          <a:xfrm>
            <a:off x="486789" y="804270"/>
            <a:ext cx="10811476" cy="42319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br>
              <a:rPr lang="en-CA" sz="700"/>
            </a:br>
            <a:endParaRPr lang="en-CA" sz="700"/>
          </a:p>
          <a:p>
            <a:pPr marL="342900" indent="-342900">
              <a:buFont typeface="+mj-lt"/>
              <a:buAutoNum type="arabicPeriod" startAt="5"/>
            </a:pPr>
            <a:r>
              <a:rPr lang="en-CA"/>
              <a:t>Ions from AETE to ISAC</a:t>
            </a:r>
          </a:p>
          <a:p>
            <a:pPr marL="742950" lvl="1" indent="-28575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/>
              <a:t>AETE installed and capable of delivering a heavy ion beam into the ISAC experimental facility. </a:t>
            </a:r>
            <a:br>
              <a:rPr lang="en-CA" sz="700"/>
            </a:br>
            <a:endParaRPr lang="en-CA" sz="700"/>
          </a:p>
          <a:p>
            <a:pPr marL="342900" indent="-342900">
              <a:buFont typeface="+mj-lt"/>
              <a:buAutoNum type="arabicPeriod" startAt="5"/>
            </a:pPr>
            <a:r>
              <a:rPr lang="en-CA"/>
              <a:t>Photo-fission Rare Isotope Beam to yield station</a:t>
            </a:r>
          </a:p>
          <a:p>
            <a:pPr marL="742950" lvl="1" indent="-28575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/>
              <a:t>Low-power (&lt;1 kW) electrons delivered to an AETE actinide target and RIB extracted, transported and detected at ARIEL yield station. </a:t>
            </a:r>
            <a:br>
              <a:rPr lang="en-CA" sz="700"/>
            </a:br>
            <a:endParaRPr lang="en-CA" sz="700"/>
          </a:p>
          <a:p>
            <a:pPr marL="342900" indent="-342900">
              <a:buFont typeface="+mj-lt"/>
              <a:buAutoNum type="arabicPeriod" startAt="5"/>
            </a:pPr>
            <a:r>
              <a:rPr lang="en-CA"/>
              <a:t>Rare Isotope Beams from ARIEL Proton Target West to yield station (ARIEL-II Project Complete)</a:t>
            </a:r>
          </a:p>
          <a:p>
            <a:pPr marL="742950" lvl="1" indent="-28575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/>
              <a:t>Low-power (&lt;1 kW) protons delivered to an APTW target and RIB extracted, transported and detected at ARIEL yield station. </a:t>
            </a:r>
            <a:br>
              <a:rPr lang="en-CA" sz="700"/>
            </a:br>
            <a:endParaRPr lang="en-CA" sz="700"/>
          </a:p>
          <a:p>
            <a:pPr marL="342900" indent="-342900">
              <a:buFont typeface="+mj-lt"/>
              <a:buAutoNum type="arabicPeriod" startAt="5"/>
            </a:pPr>
            <a:r>
              <a:rPr lang="en-CA"/>
              <a:t>Therapeutic Isotopes Produced in secondary APTW target and delivered to medical isotope research facility (Rare Isotopes for Cancer Therapy Project Complete)</a:t>
            </a:r>
          </a:p>
          <a:p>
            <a:pPr marL="742950" lvl="1" indent="-28575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/>
              <a:t>Irradiate a secondary target in APTW, co-producing medically relevant radioisotopes</a:t>
            </a:r>
          </a:p>
          <a:p>
            <a:pPr marL="742950" lvl="1" indent="-285750">
              <a:buClr>
                <a:srgbClr val="00B0F0"/>
              </a:buClr>
              <a:buFont typeface="Arial" panose="020B0604020202020204" pitchFamily="34" charset="0"/>
              <a:buChar char="•"/>
            </a:pPr>
            <a:r>
              <a:rPr lang="en-CA"/>
              <a:t>Transport of irradiated secondary target to a medical isotope research facility (via the ARIEL hot cell facility). 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E2C1BBE-3895-5BFA-C1ED-B35EA6022EEB}"/>
              </a:ext>
            </a:extLst>
          </p:cNvPr>
          <p:cNvSpPr txBox="1"/>
          <p:nvPr/>
        </p:nvSpPr>
        <p:spPr>
          <a:xfrm>
            <a:off x="1625970" y="5486690"/>
            <a:ext cx="8841203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2000"/>
              <a:t>Priority is to conclude CFI projects, meaning to work on 5-8 and day-1 deliverables. </a:t>
            </a:r>
          </a:p>
        </p:txBody>
      </p:sp>
    </p:spTree>
    <p:extLst>
      <p:ext uri="{BB962C8B-B14F-4D97-AF65-F5344CB8AC3E}">
        <p14:creationId xmlns:p14="http://schemas.microsoft.com/office/powerpoint/2010/main" val="29925403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</p:bld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0" name="Picture 49">
            <a:extLst>
              <a:ext uri="{FF2B5EF4-FFF2-40B4-BE49-F238E27FC236}">
                <a16:creationId xmlns:a16="http://schemas.microsoft.com/office/drawing/2014/main" id="{8EB8650F-4BA9-64B6-5175-BD1833F1448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275084" y="1713657"/>
            <a:ext cx="1358240" cy="1603825"/>
          </a:xfrm>
          <a:prstGeom prst="rect">
            <a:avLst/>
          </a:prstGeom>
        </p:spPr>
      </p:pic>
      <p:pic>
        <p:nvPicPr>
          <p:cNvPr id="1038" name="Picture 14">
            <a:extLst>
              <a:ext uri="{FF2B5EF4-FFF2-40B4-BE49-F238E27FC236}">
                <a16:creationId xmlns:a16="http://schemas.microsoft.com/office/drawing/2014/main" id="{1F85B069-C6F6-02C1-8EFA-622A3A838BB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62976" y="5126613"/>
            <a:ext cx="1853136" cy="162141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E502A565-B17D-F223-4CAE-2F797F53D32F}"/>
              </a:ext>
            </a:extLst>
          </p:cNvPr>
          <p:cNvSpPr txBox="1"/>
          <p:nvPr/>
        </p:nvSpPr>
        <p:spPr>
          <a:xfrm>
            <a:off x="7530733" y="6471031"/>
            <a:ext cx="1706849" cy="276999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r>
              <a:rPr lang="en-CA" sz="1200" b="0" i="0" u="none" strike="noStrike">
                <a:solidFill>
                  <a:srgbClr val="000000"/>
                </a:solidFill>
                <a:effectLst/>
                <a:latin typeface="-webkit-standard"/>
              </a:rPr>
              <a:t>High-power ISOL targets</a:t>
            </a:r>
            <a:endParaRPr lang="en-US" sz="120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C709DA-8CAF-27AB-E883-0DFFBEDBF5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Hub for Training and R&amp;D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6B62745-01A3-9A80-65A1-CDB0501ED7BC}"/>
              </a:ext>
            </a:extLst>
          </p:cNvPr>
          <p:cNvSpPr txBox="1"/>
          <p:nvPr/>
        </p:nvSpPr>
        <p:spPr>
          <a:xfrm>
            <a:off x="395415" y="812408"/>
            <a:ext cx="11580110" cy="39703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/>
              <a:t>ARIEL is a platform for student projects across all disciplines (engineering, math, physics, graphics design, chemistry) and all levels (high school students, 30+ coop students, 8+ master students, 10+ PhD students, post-docs) </a:t>
            </a:r>
          </a:p>
          <a:p>
            <a:br>
              <a:rPr lang="en-US" sz="1100"/>
            </a:br>
            <a:endParaRPr lang="en-US"/>
          </a:p>
          <a:p>
            <a:r>
              <a:rPr lang="en-US" b="1">
                <a:solidFill>
                  <a:srgbClr val="00B0F0"/>
                </a:solidFill>
              </a:rPr>
              <a:t>Example: The joint University of Victoria /TRIUMF accelerator research program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/>
              <a:t>2 joint faculty positions,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/>
              <a:t>NSERC grant for student support in accelerator physics since 2011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/>
              <a:t>6 PhD, 4 MSc (6 international)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/>
              <a:t>So far 1 PhD and 4 MSc theses finish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/>
              <a:t>One lecture taught by the adjunct faculty each yea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/>
              <a:t>Research topics: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/>
              <a:t>Beam physics and instrumentation (R. </a:t>
            </a:r>
            <a:r>
              <a:rPr lang="en-US" err="1"/>
              <a:t>Baartman</a:t>
            </a:r>
            <a:r>
              <a:rPr lang="en-US"/>
              <a:t>, T. </a:t>
            </a:r>
            <a:r>
              <a:rPr lang="en-US" err="1"/>
              <a:t>Planche</a:t>
            </a:r>
            <a:r>
              <a:rPr lang="en-US"/>
              <a:t>, O. Kester)​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/>
              <a:t>Superconducting RF (R. </a:t>
            </a:r>
            <a:r>
              <a:rPr lang="en-US" err="1"/>
              <a:t>Laxdal</a:t>
            </a:r>
            <a:r>
              <a:rPr lang="en-US"/>
              <a:t>, T. </a:t>
            </a:r>
            <a:r>
              <a:rPr lang="en-US" err="1"/>
              <a:t>Junginger</a:t>
            </a:r>
            <a:r>
              <a:rPr lang="en-US"/>
              <a:t>)​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/>
              <a:t>Ion Sources and Targets (A. Gottberg, O. Kester) ​</a:t>
            </a:r>
          </a:p>
        </p:txBody>
      </p:sp>
      <p:pic>
        <p:nvPicPr>
          <p:cNvPr id="1030" name="Picture 6" descr="A table with a machine and electronics&#10;&#10;Description automatically generated">
            <a:extLst>
              <a:ext uri="{FF2B5EF4-FFF2-40B4-BE49-F238E27FC236}">
                <a16:creationId xmlns:a16="http://schemas.microsoft.com/office/drawing/2014/main" id="{8161F297-2728-160B-B7AE-FD8D45D4A7A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31969" y="3387087"/>
            <a:ext cx="1977081" cy="16497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A person in a red and black coat&#10;&#10;Description automatically generated">
            <a:extLst>
              <a:ext uri="{FF2B5EF4-FFF2-40B4-BE49-F238E27FC236}">
                <a16:creationId xmlns:a16="http://schemas.microsoft.com/office/drawing/2014/main" id="{85BB78BC-0C44-4246-DE89-9E0E29BAB78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64212" y="3387086"/>
            <a:ext cx="765833" cy="16186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A machine with pipes and wires&#10;&#10;Description automatically generated">
            <a:extLst>
              <a:ext uri="{FF2B5EF4-FFF2-40B4-BE49-F238E27FC236}">
                <a16:creationId xmlns:a16="http://schemas.microsoft.com/office/drawing/2014/main" id="{FFD4D15B-DA89-4573-DD53-C45DDDF8F36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52302" y="5158046"/>
            <a:ext cx="1456749" cy="16078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4" descr="/var/folders/40/711k61811z53p63vcnrsrg5w0000gn/T/com.microsoft.Powerpoint/WebArchiveCopyPasteTempFiles/2Q==">
            <a:extLst>
              <a:ext uri="{FF2B5EF4-FFF2-40B4-BE49-F238E27FC236}">
                <a16:creationId xmlns:a16="http://schemas.microsoft.com/office/drawing/2014/main" id="{B9AE0E5C-3D43-6D01-73BB-B19D3EDAF59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951530" y="5163295"/>
            <a:ext cx="1355227" cy="16052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6" name="Picture 12" descr="A person smiling in front of a black and white sign&#10;&#10;Description automatically generated">
            <a:extLst>
              <a:ext uri="{FF2B5EF4-FFF2-40B4-BE49-F238E27FC236}">
                <a16:creationId xmlns:a16="http://schemas.microsoft.com/office/drawing/2014/main" id="{E9469FD2-BA59-8E2B-DFC2-80AF9BE878A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71067" y="5158048"/>
            <a:ext cx="1262898" cy="16078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A67EFF48-96F2-AD26-EF62-7A212153702D}"/>
              </a:ext>
            </a:extLst>
          </p:cNvPr>
          <p:cNvSpPr txBox="1"/>
          <p:nvPr/>
        </p:nvSpPr>
        <p:spPr>
          <a:xfrm>
            <a:off x="10565322" y="6486671"/>
            <a:ext cx="1456749" cy="275007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r>
              <a:rPr lang="en-CA" sz="1200" b="0" i="0" u="none" strike="noStrike">
                <a:solidFill>
                  <a:srgbClr val="000000"/>
                </a:solidFill>
                <a:effectLst/>
                <a:latin typeface="-webkit-standard"/>
              </a:rPr>
              <a:t>Dust in Accelerators</a:t>
            </a:r>
            <a:endParaRPr lang="en-US" sz="1200"/>
          </a:p>
        </p:txBody>
      </p:sp>
      <p:pic>
        <p:nvPicPr>
          <p:cNvPr id="1040" name="Picture 16">
            <a:extLst>
              <a:ext uri="{FF2B5EF4-FFF2-40B4-BE49-F238E27FC236}">
                <a16:creationId xmlns:a16="http://schemas.microsoft.com/office/drawing/2014/main" id="{C55D6C19-FEE0-BC35-2F87-E703D1D719D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39367" y="5158048"/>
            <a:ext cx="1494415" cy="16078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1744B5E0-568C-688F-81FC-5A1CCBD8CAA4}"/>
              </a:ext>
            </a:extLst>
          </p:cNvPr>
          <p:cNvPicPr>
            <a:picLocks noChangeAspect="1"/>
          </p:cNvPicPr>
          <p:nvPr/>
        </p:nvPicPr>
        <p:blipFill rotWithShape="1">
          <a:blip r:embed="rId11"/>
          <a:srcRect l="10601" r="13503"/>
          <a:stretch/>
        </p:blipFill>
        <p:spPr>
          <a:xfrm>
            <a:off x="100827" y="5176848"/>
            <a:ext cx="1349434" cy="1617836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06CD18BE-1E2A-7605-ECC6-4B7884C46D1D}"/>
              </a:ext>
            </a:extLst>
          </p:cNvPr>
          <p:cNvSpPr/>
          <p:nvPr/>
        </p:nvSpPr>
        <p:spPr>
          <a:xfrm>
            <a:off x="9271067" y="5159285"/>
            <a:ext cx="2737984" cy="1621834"/>
          </a:xfrm>
          <a:prstGeom prst="rect">
            <a:avLst/>
          </a:prstGeom>
          <a:noFill/>
          <a:ln w="381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5F926A0A-8A16-B92A-F9ED-7631C2792580}"/>
              </a:ext>
            </a:extLst>
          </p:cNvPr>
          <p:cNvSpPr/>
          <p:nvPr/>
        </p:nvSpPr>
        <p:spPr>
          <a:xfrm>
            <a:off x="6026786" y="5159285"/>
            <a:ext cx="3168219" cy="1621834"/>
          </a:xfrm>
          <a:prstGeom prst="rect">
            <a:avLst/>
          </a:prstGeom>
          <a:noFill/>
          <a:ln w="381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0954ED6-DB18-E7D5-6D58-829B8CEAA98F}"/>
              </a:ext>
            </a:extLst>
          </p:cNvPr>
          <p:cNvSpPr/>
          <p:nvPr/>
        </p:nvSpPr>
        <p:spPr>
          <a:xfrm>
            <a:off x="2951530" y="5159285"/>
            <a:ext cx="2999194" cy="1621834"/>
          </a:xfrm>
          <a:prstGeom prst="rect">
            <a:avLst/>
          </a:prstGeom>
          <a:noFill/>
          <a:ln w="381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58646158-6036-891D-7256-8332F0837696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00964" y="5181026"/>
            <a:ext cx="1637720" cy="1605220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CE5196D1-13B6-C853-E58C-106471539671}"/>
              </a:ext>
            </a:extLst>
          </p:cNvPr>
          <p:cNvSpPr txBox="1"/>
          <p:nvPr/>
        </p:nvSpPr>
        <p:spPr>
          <a:xfrm>
            <a:off x="4617707" y="6468921"/>
            <a:ext cx="1257918" cy="276999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pPr algn="ctr"/>
            <a:r>
              <a:rPr lang="en-CA" sz="1200" b="0" i="0" u="none" strike="noStrike">
                <a:solidFill>
                  <a:srgbClr val="000000"/>
                </a:solidFill>
                <a:effectLst/>
                <a:latin typeface="-webkit-standard"/>
              </a:rPr>
              <a:t>Target Materials</a:t>
            </a:r>
            <a:endParaRPr lang="en-US" sz="120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3C29F775-BF2F-64BF-AC9A-E5A4C72395C5}"/>
              </a:ext>
            </a:extLst>
          </p:cNvPr>
          <p:cNvSpPr/>
          <p:nvPr/>
        </p:nvSpPr>
        <p:spPr>
          <a:xfrm>
            <a:off x="100827" y="5159285"/>
            <a:ext cx="2774642" cy="1621834"/>
          </a:xfrm>
          <a:prstGeom prst="rect">
            <a:avLst/>
          </a:prstGeom>
          <a:noFill/>
          <a:ln w="381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7" name="Picture 46">
            <a:extLst>
              <a:ext uri="{FF2B5EF4-FFF2-40B4-BE49-F238E27FC236}">
                <a16:creationId xmlns:a16="http://schemas.microsoft.com/office/drawing/2014/main" id="{762602A5-9C38-EFD2-65B7-620C91B1F98E}"/>
              </a:ext>
            </a:extLst>
          </p:cNvPr>
          <p:cNvPicPr>
            <a:picLocks noChangeAspect="1"/>
          </p:cNvPicPr>
          <p:nvPr/>
        </p:nvPicPr>
        <p:blipFill rotWithShape="1">
          <a:blip r:embed="rId13"/>
          <a:srcRect r="36678"/>
          <a:stretch/>
        </p:blipFill>
        <p:spPr>
          <a:xfrm>
            <a:off x="1469961" y="5242206"/>
            <a:ext cx="1316490" cy="1438995"/>
          </a:xfrm>
          <a:prstGeom prst="rect">
            <a:avLst/>
          </a:prstGeom>
        </p:spPr>
      </p:pic>
      <p:sp>
        <p:nvSpPr>
          <p:cNvPr id="48" name="TextBox 47">
            <a:extLst>
              <a:ext uri="{FF2B5EF4-FFF2-40B4-BE49-F238E27FC236}">
                <a16:creationId xmlns:a16="http://schemas.microsoft.com/office/drawing/2014/main" id="{E52BBE1B-B7AE-A5DF-1AB4-2997846BC377}"/>
              </a:ext>
            </a:extLst>
          </p:cNvPr>
          <p:cNvSpPr txBox="1"/>
          <p:nvPr/>
        </p:nvSpPr>
        <p:spPr>
          <a:xfrm>
            <a:off x="1541777" y="6468921"/>
            <a:ext cx="1257918" cy="276999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pPr algn="ctr"/>
            <a:r>
              <a:rPr lang="en-CA" sz="1200" b="0" i="0" u="none" strike="noStrike">
                <a:solidFill>
                  <a:srgbClr val="000000"/>
                </a:solidFill>
                <a:effectLst/>
                <a:latin typeface="-webkit-standard"/>
              </a:rPr>
              <a:t>RIB Ion Sources</a:t>
            </a:r>
            <a:endParaRPr lang="en-US" sz="1200"/>
          </a:p>
        </p:txBody>
      </p:sp>
      <p:sp>
        <p:nvSpPr>
          <p:cNvPr id="49" name="Rectangle 48">
            <a:extLst>
              <a:ext uri="{FF2B5EF4-FFF2-40B4-BE49-F238E27FC236}">
                <a16:creationId xmlns:a16="http://schemas.microsoft.com/office/drawing/2014/main" id="{30471080-2DC2-C054-D125-6D2437A7A187}"/>
              </a:ext>
            </a:extLst>
          </p:cNvPr>
          <p:cNvSpPr/>
          <p:nvPr/>
        </p:nvSpPr>
        <p:spPr>
          <a:xfrm>
            <a:off x="9271067" y="1704631"/>
            <a:ext cx="2737984" cy="1621834"/>
          </a:xfrm>
          <a:prstGeom prst="rect">
            <a:avLst/>
          </a:prstGeom>
          <a:noFill/>
          <a:ln w="381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6" name="Picture 55">
            <a:extLst>
              <a:ext uri="{FF2B5EF4-FFF2-40B4-BE49-F238E27FC236}">
                <a16:creationId xmlns:a16="http://schemas.microsoft.com/office/drawing/2014/main" id="{19A7F7B6-2F3E-94AB-A913-DA2F742E645B}"/>
              </a:ext>
            </a:extLst>
          </p:cNvPr>
          <p:cNvPicPr>
            <a:picLocks noChangeAspect="1"/>
          </p:cNvPicPr>
          <p:nvPr/>
        </p:nvPicPr>
        <p:blipFill rotWithShape="1">
          <a:blip r:embed="rId14"/>
          <a:srcRect r="16455"/>
          <a:stretch/>
        </p:blipFill>
        <p:spPr>
          <a:xfrm>
            <a:off x="10585195" y="1729745"/>
            <a:ext cx="1423855" cy="1425301"/>
          </a:xfrm>
          <a:prstGeom prst="rect">
            <a:avLst/>
          </a:prstGeom>
        </p:spPr>
      </p:pic>
      <p:sp>
        <p:nvSpPr>
          <p:cNvPr id="57" name="TextBox 56">
            <a:extLst>
              <a:ext uri="{FF2B5EF4-FFF2-40B4-BE49-F238E27FC236}">
                <a16:creationId xmlns:a16="http://schemas.microsoft.com/office/drawing/2014/main" id="{7CE07AF7-35DD-C59C-9635-A1076F15F11F}"/>
              </a:ext>
            </a:extLst>
          </p:cNvPr>
          <p:cNvSpPr txBox="1"/>
          <p:nvPr/>
        </p:nvSpPr>
        <p:spPr>
          <a:xfrm>
            <a:off x="10633324" y="2889505"/>
            <a:ext cx="1342201" cy="461665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r>
              <a:rPr lang="en-CA" sz="1200" b="0" i="0" u="none" strike="noStrike">
                <a:solidFill>
                  <a:srgbClr val="000000"/>
                </a:solidFill>
                <a:effectLst/>
                <a:latin typeface="-webkit-standard"/>
              </a:rPr>
              <a:t>Material Radiation Damage</a:t>
            </a:r>
            <a:endParaRPr lang="en-US" sz="1200"/>
          </a:p>
        </p:txBody>
      </p:sp>
      <p:pic>
        <p:nvPicPr>
          <p:cNvPr id="59" name="Picture 58">
            <a:extLst>
              <a:ext uri="{FF2B5EF4-FFF2-40B4-BE49-F238E27FC236}">
                <a16:creationId xmlns:a16="http://schemas.microsoft.com/office/drawing/2014/main" id="{55B5F9C7-0673-4E27-E30F-7F66FFE7B931}"/>
              </a:ext>
            </a:extLst>
          </p:cNvPr>
          <p:cNvPicPr>
            <a:picLocks noChangeAspect="1"/>
          </p:cNvPicPr>
          <p:nvPr/>
        </p:nvPicPr>
        <p:blipFill rotWithShape="1"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679" t="55228" r="22875" b="4321"/>
          <a:stretch/>
        </p:blipFill>
        <p:spPr>
          <a:xfrm>
            <a:off x="9271067" y="3409361"/>
            <a:ext cx="1132238" cy="1614929"/>
          </a:xfrm>
          <a:prstGeom prst="rect">
            <a:avLst/>
          </a:prstGeom>
        </p:spPr>
      </p:pic>
      <p:pic>
        <p:nvPicPr>
          <p:cNvPr id="61" name="Picture 60">
            <a:extLst>
              <a:ext uri="{FF2B5EF4-FFF2-40B4-BE49-F238E27FC236}">
                <a16:creationId xmlns:a16="http://schemas.microsoft.com/office/drawing/2014/main" id="{8EC509F1-72B1-F57E-623F-FB532E650AFC}"/>
              </a:ext>
            </a:extLst>
          </p:cNvPr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10403092" y="3416043"/>
            <a:ext cx="1583863" cy="1292585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9C835AC5-9328-955B-EAB5-CE680A09CF20}"/>
              </a:ext>
            </a:extLst>
          </p:cNvPr>
          <p:cNvSpPr txBox="1"/>
          <p:nvPr/>
        </p:nvSpPr>
        <p:spPr>
          <a:xfrm>
            <a:off x="10445515" y="4661630"/>
            <a:ext cx="1541440" cy="369332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>
            <a:spAutoFit/>
          </a:bodyPr>
          <a:lstStyle/>
          <a:p>
            <a:pPr algn="ctr"/>
            <a:r>
              <a:rPr lang="en-CA" sz="1200">
                <a:solidFill>
                  <a:srgbClr val="000000"/>
                </a:solidFill>
                <a:latin typeface="-webkit-standard"/>
              </a:rPr>
              <a:t>More efficient SRF Cavities</a:t>
            </a:r>
            <a:endParaRPr lang="en-US" sz="120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121A2202-FDB6-6AE0-63A2-3ACAA7FA311D}"/>
              </a:ext>
            </a:extLst>
          </p:cNvPr>
          <p:cNvSpPr/>
          <p:nvPr/>
        </p:nvSpPr>
        <p:spPr>
          <a:xfrm>
            <a:off x="9271067" y="3410346"/>
            <a:ext cx="2737984" cy="1621834"/>
          </a:xfrm>
          <a:prstGeom prst="rect">
            <a:avLst/>
          </a:prstGeom>
          <a:noFill/>
          <a:ln w="38100">
            <a:solidFill>
              <a:srgbClr val="00B0F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18268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7" grpId="0" animBg="1"/>
      <p:bldP spid="10" grpId="0" animBg="1"/>
      <p:bldP spid="9" grpId="0" animBg="1"/>
      <p:bldP spid="12" grpId="0" animBg="1"/>
      <p:bldP spid="15" grpId="0" animBg="1"/>
      <p:bldP spid="16" grpId="0" animBg="1"/>
      <p:bldP spid="48" grpId="0" animBg="1"/>
      <p:bldP spid="49" grpId="0" animBg="1"/>
      <p:bldP spid="57" grpId="0" animBg="1"/>
      <p:bldP spid="6" grpId="0" animBg="1"/>
      <p:bldP spid="11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Rectangle 45">
            <a:extLst>
              <a:ext uri="{FF2B5EF4-FFF2-40B4-BE49-F238E27FC236}">
                <a16:creationId xmlns:a16="http://schemas.microsoft.com/office/drawing/2014/main" id="{ACE091E8-DA90-FBDD-7A6D-7A6C00A6CC6B}"/>
              </a:ext>
            </a:extLst>
          </p:cNvPr>
          <p:cNvSpPr>
            <a:spLocks/>
          </p:cNvSpPr>
          <p:nvPr/>
        </p:nvSpPr>
        <p:spPr>
          <a:xfrm>
            <a:off x="1" y="1"/>
            <a:ext cx="12192000" cy="6858000"/>
          </a:xfrm>
          <a:prstGeom prst="rect">
            <a:avLst/>
          </a:prstGeom>
          <a:solidFill>
            <a:srgbClr val="00B0F0"/>
          </a:solidFill>
          <a:ln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9" name="Picture 8" descr="A person standing in front of a blue wall&#10;&#10;Description automatically generated with low confidence">
            <a:extLst>
              <a:ext uri="{FF2B5EF4-FFF2-40B4-BE49-F238E27FC236}">
                <a16:creationId xmlns:a16="http://schemas.microsoft.com/office/drawing/2014/main" id="{AF120FBC-6EAB-0525-F07A-583AF46EF8A4}"/>
              </a:ext>
            </a:extLst>
          </p:cNvPr>
          <p:cNvPicPr>
            <a:picLocks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31733" y="109899"/>
            <a:ext cx="2340000" cy="2178480"/>
          </a:xfrm>
          <a:prstGeom prst="rect">
            <a:avLst/>
          </a:prstGeom>
        </p:spPr>
      </p:pic>
      <p:pic>
        <p:nvPicPr>
          <p:cNvPr id="11" name="Picture 10" descr="A picture containing person, person, indoor, preparing&#10;&#10;Description automatically generated">
            <a:extLst>
              <a:ext uri="{FF2B5EF4-FFF2-40B4-BE49-F238E27FC236}">
                <a16:creationId xmlns:a16="http://schemas.microsoft.com/office/drawing/2014/main" id="{C2D787F5-452A-7930-1008-63390B54096B}"/>
              </a:ext>
            </a:extLst>
          </p:cNvPr>
          <p:cNvPicPr>
            <a:picLocks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2357" y="2352995"/>
            <a:ext cx="2340000" cy="2178000"/>
          </a:xfrm>
          <a:prstGeom prst="rect">
            <a:avLst/>
          </a:prstGeom>
        </p:spPr>
      </p:pic>
      <p:pic>
        <p:nvPicPr>
          <p:cNvPr id="19" name="Picture 18" descr="A picture containing text, person&#10;&#10;Description automatically generated">
            <a:extLst>
              <a:ext uri="{FF2B5EF4-FFF2-40B4-BE49-F238E27FC236}">
                <a16:creationId xmlns:a16="http://schemas.microsoft.com/office/drawing/2014/main" id="{803DF863-4A30-42B3-2870-D4507DBDA0E9}"/>
              </a:ext>
            </a:extLst>
          </p:cNvPr>
          <p:cNvPicPr>
            <a:picLocks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942950" y="110379"/>
            <a:ext cx="2340000" cy="2178000"/>
          </a:xfrm>
          <a:prstGeom prst="rect">
            <a:avLst/>
          </a:prstGeom>
        </p:spPr>
      </p:pic>
      <p:pic>
        <p:nvPicPr>
          <p:cNvPr id="21" name="Picture 20" descr="A person wearing a mask&#10;&#10;Description automatically generated with low confidence">
            <a:extLst>
              <a:ext uri="{FF2B5EF4-FFF2-40B4-BE49-F238E27FC236}">
                <a16:creationId xmlns:a16="http://schemas.microsoft.com/office/drawing/2014/main" id="{252ADF16-0FAB-0237-2E53-932D005A723B}"/>
              </a:ext>
            </a:extLst>
          </p:cNvPr>
          <p:cNvPicPr>
            <a:picLocks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2357" y="4604922"/>
            <a:ext cx="2340000" cy="2178000"/>
          </a:xfrm>
          <a:prstGeom prst="rect">
            <a:avLst/>
          </a:prstGeom>
        </p:spPr>
      </p:pic>
      <p:pic>
        <p:nvPicPr>
          <p:cNvPr id="31" name="Picture 30" descr="A person working on a machine&#10;&#10;Description automatically generated with low confidence">
            <a:extLst>
              <a:ext uri="{FF2B5EF4-FFF2-40B4-BE49-F238E27FC236}">
                <a16:creationId xmlns:a16="http://schemas.microsoft.com/office/drawing/2014/main" id="{036F5107-928E-9D33-5C84-8942C9ED9165}"/>
              </a:ext>
            </a:extLst>
          </p:cNvPr>
          <p:cNvPicPr>
            <a:picLocks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765383" y="4597914"/>
            <a:ext cx="2340000" cy="2178000"/>
          </a:xfrm>
          <a:prstGeom prst="rect">
            <a:avLst/>
          </a:prstGeom>
        </p:spPr>
      </p:pic>
      <p:pic>
        <p:nvPicPr>
          <p:cNvPr id="43" name="Picture 42" descr="A picture containing text, person, computer&#10;&#10;Description automatically generated">
            <a:extLst>
              <a:ext uri="{FF2B5EF4-FFF2-40B4-BE49-F238E27FC236}">
                <a16:creationId xmlns:a16="http://schemas.microsoft.com/office/drawing/2014/main" id="{804D20D7-45F5-D9B3-B22C-1BB1602DA895}"/>
              </a:ext>
            </a:extLst>
          </p:cNvPr>
          <p:cNvPicPr>
            <a:picLocks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351408" y="4604922"/>
            <a:ext cx="2340000" cy="2179152"/>
          </a:xfrm>
          <a:prstGeom prst="rect">
            <a:avLst/>
          </a:prstGeom>
        </p:spPr>
      </p:pic>
      <p:pic>
        <p:nvPicPr>
          <p:cNvPr id="3" name="Picture 2" descr="A picture containing person, person, sport&#10;&#10;Description automatically generated">
            <a:extLst>
              <a:ext uri="{FF2B5EF4-FFF2-40B4-BE49-F238E27FC236}">
                <a16:creationId xmlns:a16="http://schemas.microsoft.com/office/drawing/2014/main" id="{22431DC0-29E1-22B1-55ED-6EE7CDE98A8A}"/>
              </a:ext>
            </a:extLst>
          </p:cNvPr>
          <p:cNvPicPr>
            <a:picLocks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354167" y="2354131"/>
            <a:ext cx="2340000" cy="2178016"/>
          </a:xfrm>
          <a:prstGeom prst="rect">
            <a:avLst/>
          </a:prstGeom>
        </p:spPr>
      </p:pic>
      <p:pic>
        <p:nvPicPr>
          <p:cNvPr id="6" name="Picture 5" descr="A picture containing text, person&#10;&#10;Description automatically generated">
            <a:extLst>
              <a:ext uri="{FF2B5EF4-FFF2-40B4-BE49-F238E27FC236}">
                <a16:creationId xmlns:a16="http://schemas.microsoft.com/office/drawing/2014/main" id="{F9DC1600-344B-FD1F-0C1F-B989FD049403}"/>
              </a:ext>
            </a:extLst>
          </p:cNvPr>
          <p:cNvPicPr>
            <a:picLocks/>
          </p:cNvPicPr>
          <p:nvPr/>
        </p:nvPicPr>
        <p:blipFill rotWithShape="1">
          <a:blip r:embed="rId10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942950" y="4597434"/>
            <a:ext cx="2340000" cy="2178480"/>
          </a:xfrm>
          <a:prstGeom prst="rect">
            <a:avLst/>
          </a:prstGeom>
        </p:spPr>
      </p:pic>
      <p:pic>
        <p:nvPicPr>
          <p:cNvPr id="14" name="Picture 13" descr="A person working in a factory&#10;&#10;Description automatically generated with low confidence">
            <a:extLst>
              <a:ext uri="{FF2B5EF4-FFF2-40B4-BE49-F238E27FC236}">
                <a16:creationId xmlns:a16="http://schemas.microsoft.com/office/drawing/2014/main" id="{D7914D01-6858-75F7-BC9F-62DC769B794F}"/>
              </a:ext>
            </a:extLst>
          </p:cNvPr>
          <p:cNvPicPr>
            <a:picLocks/>
          </p:cNvPicPr>
          <p:nvPr/>
        </p:nvPicPr>
        <p:blipFill rotWithShape="1">
          <a:blip r:embed="rId11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942950" y="2354147"/>
            <a:ext cx="2340000" cy="2178000"/>
          </a:xfrm>
          <a:prstGeom prst="rect">
            <a:avLst/>
          </a:prstGeom>
        </p:spPr>
      </p:pic>
      <p:pic>
        <p:nvPicPr>
          <p:cNvPr id="20" name="Picture 19" descr="A group of people in lab coats&#10;&#10;Description automatically generated with medium confidence">
            <a:extLst>
              <a:ext uri="{FF2B5EF4-FFF2-40B4-BE49-F238E27FC236}">
                <a16:creationId xmlns:a16="http://schemas.microsoft.com/office/drawing/2014/main" id="{DEC113F3-A2B1-46E6-7BF4-D3AF5827AB11}"/>
              </a:ext>
            </a:extLst>
          </p:cNvPr>
          <p:cNvPicPr>
            <a:picLocks/>
          </p:cNvPicPr>
          <p:nvPr/>
        </p:nvPicPr>
        <p:blipFill rotWithShape="1">
          <a:blip r:embed="rId1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2357" y="110379"/>
            <a:ext cx="2340000" cy="2178000"/>
          </a:xfrm>
          <a:prstGeom prst="rect">
            <a:avLst/>
          </a:prstGeom>
        </p:spPr>
      </p:pic>
      <p:pic>
        <p:nvPicPr>
          <p:cNvPr id="23" name="Picture 22" descr="A group of people working on a machine&#10;&#10;Description automatically generated with low confidence">
            <a:extLst>
              <a:ext uri="{FF2B5EF4-FFF2-40B4-BE49-F238E27FC236}">
                <a16:creationId xmlns:a16="http://schemas.microsoft.com/office/drawing/2014/main" id="{E3F0F998-336C-1B8A-3814-892D30F86E82}"/>
              </a:ext>
            </a:extLst>
          </p:cNvPr>
          <p:cNvPicPr>
            <a:picLocks/>
          </p:cNvPicPr>
          <p:nvPr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354167" y="110364"/>
            <a:ext cx="2340000" cy="2178000"/>
          </a:xfrm>
          <a:prstGeom prst="rect">
            <a:avLst/>
          </a:prstGeom>
        </p:spPr>
      </p:pic>
      <p:pic>
        <p:nvPicPr>
          <p:cNvPr id="25" name="Picture 24" descr="A picture containing person, standing, people, group&#10;&#10;Description automatically generated">
            <a:extLst>
              <a:ext uri="{FF2B5EF4-FFF2-40B4-BE49-F238E27FC236}">
                <a16:creationId xmlns:a16="http://schemas.microsoft.com/office/drawing/2014/main" id="{DCF2A481-9819-DE34-51BF-A2311F797579}"/>
              </a:ext>
            </a:extLst>
          </p:cNvPr>
          <p:cNvPicPr>
            <a:picLocks/>
          </p:cNvPicPr>
          <p:nvPr/>
        </p:nvPicPr>
        <p:blipFill rotWithShape="1">
          <a:blip r:embed="rId1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16332" y="2352995"/>
            <a:ext cx="2340000" cy="2178000"/>
          </a:xfrm>
          <a:prstGeom prst="rect">
            <a:avLst/>
          </a:prstGeom>
        </p:spPr>
      </p:pic>
      <p:pic>
        <p:nvPicPr>
          <p:cNvPr id="28" name="Picture 27" descr="A person working on a machine&#10;&#10;Description automatically generated with low confidence">
            <a:extLst>
              <a:ext uri="{FF2B5EF4-FFF2-40B4-BE49-F238E27FC236}">
                <a16:creationId xmlns:a16="http://schemas.microsoft.com/office/drawing/2014/main" id="{AA85FF0C-D275-44E9-B4F2-18F36B1B3BD3}"/>
              </a:ext>
            </a:extLst>
          </p:cNvPr>
          <p:cNvPicPr>
            <a:picLocks/>
          </p:cNvPicPr>
          <p:nvPr/>
        </p:nvPicPr>
        <p:blipFill rotWithShape="1">
          <a:blip r:embed="rId1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765383" y="110379"/>
            <a:ext cx="2340000" cy="2178000"/>
          </a:xfrm>
          <a:prstGeom prst="rect">
            <a:avLst/>
          </a:prstGeom>
        </p:spPr>
      </p:pic>
      <p:pic>
        <p:nvPicPr>
          <p:cNvPr id="30" name="Picture 29" descr="A group of people working in a factory&#10;&#10;Description automatically generated with low confidence">
            <a:extLst>
              <a:ext uri="{FF2B5EF4-FFF2-40B4-BE49-F238E27FC236}">
                <a16:creationId xmlns:a16="http://schemas.microsoft.com/office/drawing/2014/main" id="{537BD74E-6E8C-9252-6F1D-2B94D3EDFE1F}"/>
              </a:ext>
            </a:extLst>
          </p:cNvPr>
          <p:cNvPicPr>
            <a:picLocks/>
          </p:cNvPicPr>
          <p:nvPr/>
        </p:nvPicPr>
        <p:blipFill rotWithShape="1">
          <a:blip r:embed="rId1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flipH="1">
            <a:off x="2530496" y="4606074"/>
            <a:ext cx="2340000" cy="2178000"/>
          </a:xfrm>
          <a:prstGeom prst="rect">
            <a:avLst/>
          </a:prstGeom>
        </p:spPr>
      </p:pic>
      <p:pic>
        <p:nvPicPr>
          <p:cNvPr id="32" name="Picture 31" descr="Two people holding a cardboard box&#10;&#10;Description automatically generated with low confidence">
            <a:extLst>
              <a:ext uri="{FF2B5EF4-FFF2-40B4-BE49-F238E27FC236}">
                <a16:creationId xmlns:a16="http://schemas.microsoft.com/office/drawing/2014/main" id="{47994E54-E7C7-8243-DDC5-D3DE14D8C37F}"/>
              </a:ext>
            </a:extLst>
          </p:cNvPr>
          <p:cNvPicPr>
            <a:picLocks noChangeAspect="1"/>
          </p:cNvPicPr>
          <p:nvPr/>
        </p:nvPicPr>
        <p:blipFill rotWithShape="1">
          <a:blip r:embed="rId17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765383" y="2354818"/>
            <a:ext cx="2338764" cy="2177329"/>
          </a:xfrm>
          <a:prstGeom prst="rect">
            <a:avLst/>
          </a:prstGeom>
        </p:spPr>
      </p:pic>
      <p:sp>
        <p:nvSpPr>
          <p:cNvPr id="39" name="TextBox 38">
            <a:extLst>
              <a:ext uri="{FF2B5EF4-FFF2-40B4-BE49-F238E27FC236}">
                <a16:creationId xmlns:a16="http://schemas.microsoft.com/office/drawing/2014/main" id="{A16FA360-2913-95F5-6DA0-EE73D948C182}"/>
              </a:ext>
            </a:extLst>
          </p:cNvPr>
          <p:cNvSpPr txBox="1"/>
          <p:nvPr/>
        </p:nvSpPr>
        <p:spPr>
          <a:xfrm>
            <a:off x="387322" y="3121223"/>
            <a:ext cx="11417356" cy="615553"/>
          </a:xfrm>
          <a:prstGeom prst="rect">
            <a:avLst/>
          </a:prstGeom>
          <a:solidFill>
            <a:schemeClr val="bg1">
              <a:alpha val="58426"/>
            </a:schemeClr>
          </a:solidFill>
        </p:spPr>
        <p:txBody>
          <a:bodyPr wrap="none" lIns="0" tIns="0" rIns="0" bIns="0" rtlCol="0">
            <a:spAutoFit/>
          </a:bodyPr>
          <a:lstStyle/>
          <a:p>
            <a:r>
              <a:rPr lang="en-US" sz="4000" b="1" dirty="0">
                <a:ln>
                  <a:solidFill>
                    <a:schemeClr val="tx1"/>
                  </a:solidFill>
                </a:ln>
                <a:solidFill>
                  <a:srgbClr val="00B0F0"/>
                </a:solidFill>
              </a:rPr>
              <a:t>ARIEL will triple TRIUMF’s radioisotope beam science</a:t>
            </a:r>
          </a:p>
        </p:txBody>
      </p:sp>
    </p:spTree>
    <p:extLst>
      <p:ext uri="{BB962C8B-B14F-4D97-AF65-F5344CB8AC3E}">
        <p14:creationId xmlns:p14="http://schemas.microsoft.com/office/powerpoint/2010/main" val="50907906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435225" y="1544280"/>
            <a:ext cx="6272857" cy="4168613"/>
          </a:xfrm>
          <a:prstGeom prst="rect">
            <a:avLst/>
          </a:prstGeom>
        </p:spPr>
      </p:pic>
      <p:sp>
        <p:nvSpPr>
          <p:cNvPr id="20" name="Text Box 2391"/>
          <p:cNvSpPr txBox="1">
            <a:spLocks noChangeArrowheads="1"/>
          </p:cNvSpPr>
          <p:nvPr/>
        </p:nvSpPr>
        <p:spPr bwMode="auto">
          <a:xfrm>
            <a:off x="802408" y="1411991"/>
            <a:ext cx="4681012" cy="33855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marL="176209" indent="-176209" algn="ctr"/>
            <a:r>
              <a:rPr lang="en-GB" sz="1600">
                <a:solidFill>
                  <a:schemeClr val="bg2">
                    <a:lumMod val="25000"/>
                  </a:schemeClr>
                </a:solidFill>
                <a:ea typeface="Verdana" pitchFamily="34" charset="0"/>
                <a:cs typeface="Verdana" pitchFamily="34" charset="0"/>
              </a:rPr>
              <a:t>500 MeV x 10 µA protons [1/s]</a:t>
            </a:r>
            <a:endParaRPr lang="en-US" sz="1600">
              <a:solidFill>
                <a:schemeClr val="bg2">
                  <a:lumMod val="25000"/>
                </a:schemeClr>
              </a:solidFill>
            </a:endParaRPr>
          </a:p>
        </p:txBody>
      </p:sp>
      <p:sp>
        <p:nvSpPr>
          <p:cNvPr id="10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An Independent Driver for TRIUMF’s Rare Isotope Program</a:t>
            </a:r>
            <a:endParaRPr lang="en-CA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DFB031F9-FB1A-417E-AF6A-3C06B69A2F62}"/>
              </a:ext>
            </a:extLst>
          </p:cNvPr>
          <p:cNvSpPr/>
          <p:nvPr/>
        </p:nvSpPr>
        <p:spPr>
          <a:xfrm>
            <a:off x="3677885" y="849176"/>
            <a:ext cx="4607627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2000">
                <a:solidFill>
                  <a:schemeClr val="bg2">
                    <a:lumMod val="25000"/>
                  </a:schemeClr>
                </a:solidFill>
              </a:rPr>
              <a:t>in-target production intensity from UC</a:t>
            </a:r>
            <a:r>
              <a:rPr lang="en-GB" sz="2000" baseline="-25000">
                <a:solidFill>
                  <a:schemeClr val="bg2">
                    <a:lumMod val="25000"/>
                  </a:schemeClr>
                </a:solidFill>
              </a:rPr>
              <a:t>x</a:t>
            </a:r>
            <a:r>
              <a:rPr lang="en-GB" sz="2000">
                <a:solidFill>
                  <a:schemeClr val="bg2">
                    <a:lumMod val="25000"/>
                  </a:schemeClr>
                </a:solidFill>
              </a:rPr>
              <a:t> </a:t>
            </a:r>
            <a:endParaRPr lang="en-US" sz="2000">
              <a:solidFill>
                <a:schemeClr val="bg2">
                  <a:lumMod val="25000"/>
                </a:schemeClr>
              </a:solidFill>
            </a:endParaRPr>
          </a:p>
        </p:txBody>
      </p:sp>
      <p:pic>
        <p:nvPicPr>
          <p:cNvPr id="7" name="Picture 4" descr="C:\Users\gottberg\Desktop\2014-04-10_Alex_Half-lives\FLUKA 50 MeV x 10 mA electrons 50cm3.png">
            <a:extLst>
              <a:ext uri="{FF2B5EF4-FFF2-40B4-BE49-F238E27FC236}">
                <a16:creationId xmlns:a16="http://schemas.microsoft.com/office/drawing/2014/main" id="{244A3A60-4BC2-AE46-A61D-03B220E8467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6176572" y="1725531"/>
            <a:ext cx="5466896" cy="38377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ext Box 2391">
            <a:extLst>
              <a:ext uri="{FF2B5EF4-FFF2-40B4-BE49-F238E27FC236}">
                <a16:creationId xmlns:a16="http://schemas.microsoft.com/office/drawing/2014/main" id="{ABA9AE65-14DC-6F40-8F6F-D0DBB0FCA339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911613" y="1395412"/>
            <a:ext cx="3996818" cy="33855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marL="176209" indent="-176209" algn="ctr"/>
            <a:r>
              <a:rPr lang="en-GB" sz="1600" dirty="0">
                <a:solidFill>
                  <a:schemeClr val="bg2">
                    <a:lumMod val="25000"/>
                  </a:schemeClr>
                </a:solidFill>
                <a:ea typeface="Verdana" pitchFamily="34" charset="0"/>
                <a:cs typeface="Verdana" pitchFamily="34" charset="0"/>
              </a:rPr>
              <a:t>30 MeV x 10 mA electrons [1/s]</a:t>
            </a:r>
            <a:endParaRPr lang="en-US" sz="1600" dirty="0">
              <a:solidFill>
                <a:schemeClr val="bg2">
                  <a:lumMod val="25000"/>
                </a:schemeClr>
              </a:solidFill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A416E4B5-24C1-CCD0-A5DE-4B00CA28607C}"/>
              </a:ext>
            </a:extLst>
          </p:cNvPr>
          <p:cNvSpPr/>
          <p:nvPr/>
        </p:nvSpPr>
        <p:spPr>
          <a:xfrm>
            <a:off x="496688" y="1856117"/>
            <a:ext cx="5292453" cy="3396344"/>
          </a:xfrm>
          <a:prstGeom prst="rect">
            <a:avLst/>
          </a:prstGeom>
          <a:noFill/>
          <a:ln w="28575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11D34978-9F19-62B0-7E8B-243A4B966940}"/>
              </a:ext>
            </a:extLst>
          </p:cNvPr>
          <p:cNvSpPr/>
          <p:nvPr/>
        </p:nvSpPr>
        <p:spPr>
          <a:xfrm>
            <a:off x="6295225" y="1856117"/>
            <a:ext cx="5292453" cy="3396344"/>
          </a:xfrm>
          <a:prstGeom prst="rect">
            <a:avLst/>
          </a:prstGeom>
          <a:noFill/>
          <a:ln w="28575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Text Box 2391">
            <a:extLst>
              <a:ext uri="{FF2B5EF4-FFF2-40B4-BE49-F238E27FC236}">
                <a16:creationId xmlns:a16="http://schemas.microsoft.com/office/drawing/2014/main" id="{8FB87A38-0923-8F76-33CD-3387A1BA9142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802408" y="5685274"/>
            <a:ext cx="4681012" cy="33855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marL="176209" indent="-176209" algn="ctr"/>
            <a:r>
              <a:rPr lang="en-GB" sz="1600">
                <a:solidFill>
                  <a:schemeClr val="bg2">
                    <a:lumMod val="25000"/>
                  </a:schemeClr>
                </a:solidFill>
                <a:ea typeface="Verdana" pitchFamily="34" charset="0"/>
                <a:cs typeface="Verdana" pitchFamily="34" charset="0"/>
              </a:rPr>
              <a:t>  → BL4N (protons from main cyclotron)</a:t>
            </a:r>
            <a:endParaRPr lang="en-US" sz="1600">
              <a:solidFill>
                <a:schemeClr val="bg2">
                  <a:lumMod val="25000"/>
                </a:schemeClr>
              </a:solidFill>
            </a:endParaRPr>
          </a:p>
        </p:txBody>
      </p:sp>
      <p:sp>
        <p:nvSpPr>
          <p:cNvPr id="9" name="Text Box 2391">
            <a:extLst>
              <a:ext uri="{FF2B5EF4-FFF2-40B4-BE49-F238E27FC236}">
                <a16:creationId xmlns:a16="http://schemas.microsoft.com/office/drawing/2014/main" id="{0B8C0842-4B32-576C-EF50-653DF6EF6C21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601133" y="5685274"/>
            <a:ext cx="4681012" cy="584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marL="176209" indent="-176209" algn="ctr"/>
            <a:r>
              <a:rPr lang="en-GB" sz="1600" dirty="0">
                <a:solidFill>
                  <a:schemeClr val="bg2">
                    <a:lumMod val="25000"/>
                  </a:schemeClr>
                </a:solidFill>
                <a:ea typeface="Verdana" pitchFamily="34" charset="0"/>
                <a:cs typeface="Verdana" pitchFamily="34" charset="0"/>
              </a:rPr>
              <a:t>  → e-linac (30 MeV electrons)</a:t>
            </a:r>
            <a:br>
              <a:rPr lang="en-GB" sz="1600" dirty="0">
                <a:solidFill>
                  <a:schemeClr val="bg2">
                    <a:lumMod val="25000"/>
                  </a:schemeClr>
                </a:solidFill>
                <a:ea typeface="Verdana" pitchFamily="34" charset="0"/>
                <a:cs typeface="Verdana" pitchFamily="34" charset="0"/>
              </a:rPr>
            </a:br>
            <a:r>
              <a:rPr lang="en-GB" sz="1600" dirty="0">
                <a:solidFill>
                  <a:schemeClr val="bg2">
                    <a:lumMod val="25000"/>
                  </a:schemeClr>
                </a:solidFill>
                <a:ea typeface="Verdana" pitchFamily="34" charset="0"/>
                <a:cs typeface="Verdana" pitchFamily="34" charset="0"/>
              </a:rPr>
              <a:t>plan: ≤3 mA, 100 kW! (limited by target)</a:t>
            </a:r>
            <a:endParaRPr lang="en-US" sz="1600" dirty="0">
              <a:solidFill>
                <a:schemeClr val="bg2">
                  <a:lumMod val="25000"/>
                </a:schemeClr>
              </a:solidFill>
            </a:endParaRP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812768A2-5EFC-AC7E-27C9-BC2EF2E37F28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7618" r="6546"/>
          <a:stretch/>
        </p:blipFill>
        <p:spPr>
          <a:xfrm>
            <a:off x="11705843" y="1569580"/>
            <a:ext cx="417689" cy="41686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559258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7DB22EA-F8CD-6F70-E8FB-D307A32B77F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RIEL Scop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59D0E47-6900-BD7D-B943-5F049E4308A8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439733" y="995846"/>
            <a:ext cx="6477000" cy="5273675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/>
          <a:p>
            <a:pPr marL="0" indent="0">
              <a:spcBef>
                <a:spcPts val="1600"/>
              </a:spcBef>
              <a:buNone/>
            </a:pPr>
            <a:r>
              <a:rPr lang="en-US" sz="2000" b="1" dirty="0">
                <a:cs typeface="Calibri"/>
              </a:rPr>
              <a:t>ARIEL Ultimate Objectives: </a:t>
            </a:r>
            <a:endParaRPr lang="en-US" sz="2000" b="1" dirty="0"/>
          </a:p>
          <a:p>
            <a:pPr>
              <a:spcBef>
                <a:spcPts val="1600"/>
              </a:spcBef>
            </a:pPr>
            <a:r>
              <a:rPr lang="en-US" sz="2000" dirty="0">
                <a:solidFill>
                  <a:srgbClr val="00B0F0"/>
                </a:solidFill>
              </a:rPr>
              <a:t>Two new radioisotope production target stations</a:t>
            </a:r>
            <a:r>
              <a:rPr lang="en-US" sz="2000" dirty="0"/>
              <a:t> </a:t>
            </a:r>
            <a:br>
              <a:rPr lang="en-US" sz="2000" dirty="0"/>
            </a:br>
            <a:r>
              <a:rPr lang="en-US" sz="2000" dirty="0"/>
              <a:t>50 kW protons and 100 kW electrons</a:t>
            </a:r>
          </a:p>
          <a:p>
            <a:pPr>
              <a:spcBef>
                <a:spcPts val="1600"/>
              </a:spcBef>
            </a:pPr>
            <a:r>
              <a:rPr lang="en-US" sz="2000" dirty="0">
                <a:solidFill>
                  <a:srgbClr val="00B0F0"/>
                </a:solidFill>
              </a:rPr>
              <a:t>Multi-user operation</a:t>
            </a:r>
            <a:br>
              <a:rPr lang="en-US" sz="2000" dirty="0"/>
            </a:br>
            <a:r>
              <a:rPr lang="en-US" sz="2000" dirty="0"/>
              <a:t>up to three simultaneous isotope beams (9000 RIB hours) delivered to the existing experimental facilities </a:t>
            </a:r>
          </a:p>
          <a:p>
            <a:pPr>
              <a:spcBef>
                <a:spcPts val="1600"/>
              </a:spcBef>
            </a:pPr>
            <a:r>
              <a:rPr lang="en-US" sz="2000" dirty="0">
                <a:solidFill>
                  <a:srgbClr val="00B0F0"/>
                </a:solidFill>
                <a:cs typeface="Calibri"/>
              </a:rPr>
              <a:t>More efficient post acceleration</a:t>
            </a:r>
            <a:br>
              <a:rPr lang="en-US" sz="2000" dirty="0">
                <a:cs typeface="Calibri"/>
              </a:rPr>
            </a:br>
            <a:r>
              <a:rPr lang="en-US" sz="2000" dirty="0">
                <a:cs typeface="Calibri"/>
              </a:rPr>
              <a:t>electron beam ion source - charge state breeder, radiofrequency quadrupole, Nier-spectrometer and unique 1/20,000 resolution high-resolution mass separator.</a:t>
            </a:r>
          </a:p>
          <a:p>
            <a:pPr>
              <a:spcBef>
                <a:spcPts val="1600"/>
              </a:spcBef>
            </a:pPr>
            <a:r>
              <a:rPr lang="en-US" sz="2000" dirty="0">
                <a:solidFill>
                  <a:srgbClr val="00B0F0"/>
                </a:solidFill>
              </a:rPr>
              <a:t>Medical Isotopes</a:t>
            </a:r>
            <a:br>
              <a:rPr lang="en-US" sz="2000" dirty="0"/>
            </a:br>
            <a:r>
              <a:rPr lang="en-US" sz="2000" dirty="0"/>
              <a:t>production in proton target station beam dump and transfer to medical isotope research</a:t>
            </a:r>
          </a:p>
          <a:p>
            <a:pPr>
              <a:spcBef>
                <a:spcPts val="1600"/>
              </a:spcBef>
            </a:pPr>
            <a:endParaRPr lang="en-US" sz="2000" dirty="0"/>
          </a:p>
        </p:txBody>
      </p:sp>
      <p:pic>
        <p:nvPicPr>
          <p:cNvPr id="55" name="Picture 13">
            <a:extLst>
              <a:ext uri="{FF2B5EF4-FFF2-40B4-BE49-F238E27FC236}">
                <a16:creationId xmlns:a16="http://schemas.microsoft.com/office/drawing/2014/main" id="{5067BF24-63C1-5777-5DBA-5E6FCF52D96C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3737"/>
          <a:stretch/>
        </p:blipFill>
        <p:spPr bwMode="auto">
          <a:xfrm>
            <a:off x="6555863" y="1070332"/>
            <a:ext cx="5505652" cy="475986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56" name="Group 55">
            <a:extLst>
              <a:ext uri="{FF2B5EF4-FFF2-40B4-BE49-F238E27FC236}">
                <a16:creationId xmlns:a16="http://schemas.microsoft.com/office/drawing/2014/main" id="{FD10F2B0-E103-81F6-BC31-DD551A7954DA}"/>
              </a:ext>
            </a:extLst>
          </p:cNvPr>
          <p:cNvGrpSpPr/>
          <p:nvPr/>
        </p:nvGrpSpPr>
        <p:grpSpPr>
          <a:xfrm>
            <a:off x="7575550" y="1282700"/>
            <a:ext cx="3149600" cy="3860800"/>
            <a:chOff x="3863509" y="865441"/>
            <a:chExt cx="3801178" cy="4659508"/>
          </a:xfrm>
        </p:grpSpPr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0B7B3679-326E-B477-249D-D6968762E2D2}"/>
                </a:ext>
              </a:extLst>
            </p:cNvPr>
            <p:cNvCxnSpPr>
              <a:cxnSpLocks/>
            </p:cNvCxnSpPr>
            <p:nvPr/>
          </p:nvCxnSpPr>
          <p:spPr>
            <a:xfrm>
              <a:off x="4844458" y="897506"/>
              <a:ext cx="2795208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9C3F42C3-0491-7B08-2D3B-D283DBBA57D0}"/>
                </a:ext>
              </a:extLst>
            </p:cNvPr>
            <p:cNvCxnSpPr>
              <a:cxnSpLocks/>
            </p:cNvCxnSpPr>
            <p:nvPr/>
          </p:nvCxnSpPr>
          <p:spPr>
            <a:xfrm>
              <a:off x="7632685" y="865441"/>
              <a:ext cx="0" cy="123581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" name="Straight Connector 58">
              <a:extLst>
                <a:ext uri="{FF2B5EF4-FFF2-40B4-BE49-F238E27FC236}">
                  <a16:creationId xmlns:a16="http://schemas.microsoft.com/office/drawing/2014/main" id="{28A4AB55-E918-4C28-0293-1348B31C715B}"/>
                </a:ext>
              </a:extLst>
            </p:cNvPr>
            <p:cNvCxnSpPr>
              <a:cxnSpLocks/>
            </p:cNvCxnSpPr>
            <p:nvPr/>
          </p:nvCxnSpPr>
          <p:spPr>
            <a:xfrm>
              <a:off x="6741215" y="2094271"/>
              <a:ext cx="923472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0" name="Straight Connector 59">
              <a:extLst>
                <a:ext uri="{FF2B5EF4-FFF2-40B4-BE49-F238E27FC236}">
                  <a16:creationId xmlns:a16="http://schemas.microsoft.com/office/drawing/2014/main" id="{BC3B2E48-8F7C-6EFC-1DD7-DD5CC42F7899}"/>
                </a:ext>
              </a:extLst>
            </p:cNvPr>
            <p:cNvCxnSpPr>
              <a:cxnSpLocks/>
            </p:cNvCxnSpPr>
            <p:nvPr/>
          </p:nvCxnSpPr>
          <p:spPr>
            <a:xfrm>
              <a:off x="6769510" y="2064775"/>
              <a:ext cx="0" cy="1681315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0403BF8E-B5D0-3E26-3C69-79B16255AD91}"/>
                </a:ext>
              </a:extLst>
            </p:cNvPr>
            <p:cNvCxnSpPr>
              <a:cxnSpLocks/>
            </p:cNvCxnSpPr>
            <p:nvPr/>
          </p:nvCxnSpPr>
          <p:spPr>
            <a:xfrm>
              <a:off x="5780579" y="3753858"/>
              <a:ext cx="1021946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2" name="Straight Connector 61">
              <a:extLst>
                <a:ext uri="{FF2B5EF4-FFF2-40B4-BE49-F238E27FC236}">
                  <a16:creationId xmlns:a16="http://schemas.microsoft.com/office/drawing/2014/main" id="{8CB924A8-3CAF-4C2F-659D-9F2651DC081D}"/>
                </a:ext>
              </a:extLst>
            </p:cNvPr>
            <p:cNvCxnSpPr>
              <a:cxnSpLocks/>
            </p:cNvCxnSpPr>
            <p:nvPr/>
          </p:nvCxnSpPr>
          <p:spPr>
            <a:xfrm>
              <a:off x="4875525" y="874990"/>
              <a:ext cx="0" cy="1226261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" name="Straight Connector 62">
              <a:extLst>
                <a:ext uri="{FF2B5EF4-FFF2-40B4-BE49-F238E27FC236}">
                  <a16:creationId xmlns:a16="http://schemas.microsoft.com/office/drawing/2014/main" id="{A45054CC-AD42-0185-E57E-4154CC40F7C3}"/>
                </a:ext>
              </a:extLst>
            </p:cNvPr>
            <p:cNvCxnSpPr>
              <a:cxnSpLocks/>
            </p:cNvCxnSpPr>
            <p:nvPr/>
          </p:nvCxnSpPr>
          <p:spPr>
            <a:xfrm>
              <a:off x="4843090" y="2094271"/>
              <a:ext cx="254270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" name="Straight Connector 63">
              <a:extLst>
                <a:ext uri="{FF2B5EF4-FFF2-40B4-BE49-F238E27FC236}">
                  <a16:creationId xmlns:a16="http://schemas.microsoft.com/office/drawing/2014/main" id="{F3D611A1-500B-C30B-1BE3-A891B1F1DEB3}"/>
                </a:ext>
              </a:extLst>
            </p:cNvPr>
            <p:cNvCxnSpPr>
              <a:cxnSpLocks/>
            </p:cNvCxnSpPr>
            <p:nvPr/>
          </p:nvCxnSpPr>
          <p:spPr>
            <a:xfrm>
              <a:off x="5060611" y="2072543"/>
              <a:ext cx="0" cy="413763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5" name="Straight Connector 64">
              <a:extLst>
                <a:ext uri="{FF2B5EF4-FFF2-40B4-BE49-F238E27FC236}">
                  <a16:creationId xmlns:a16="http://schemas.microsoft.com/office/drawing/2014/main" id="{39C9CA26-38BA-665A-3633-B8BC61D3743D}"/>
                </a:ext>
              </a:extLst>
            </p:cNvPr>
            <p:cNvCxnSpPr>
              <a:cxnSpLocks/>
            </p:cNvCxnSpPr>
            <p:nvPr/>
          </p:nvCxnSpPr>
          <p:spPr>
            <a:xfrm>
              <a:off x="4625810" y="2450258"/>
              <a:ext cx="443431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Straight Connector 65">
              <a:extLst>
                <a:ext uri="{FF2B5EF4-FFF2-40B4-BE49-F238E27FC236}">
                  <a16:creationId xmlns:a16="http://schemas.microsoft.com/office/drawing/2014/main" id="{7F51BD07-FC77-31FE-DB39-F6BD41653B8F}"/>
                </a:ext>
              </a:extLst>
            </p:cNvPr>
            <p:cNvCxnSpPr>
              <a:cxnSpLocks/>
            </p:cNvCxnSpPr>
            <p:nvPr/>
          </p:nvCxnSpPr>
          <p:spPr>
            <a:xfrm>
              <a:off x="4388470" y="2324616"/>
              <a:ext cx="253332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7" name="Straight Connector 66">
              <a:extLst>
                <a:ext uri="{FF2B5EF4-FFF2-40B4-BE49-F238E27FC236}">
                  <a16:creationId xmlns:a16="http://schemas.microsoft.com/office/drawing/2014/main" id="{267A2FD2-E82A-5550-A509-04094E61652F}"/>
                </a:ext>
              </a:extLst>
            </p:cNvPr>
            <p:cNvCxnSpPr>
              <a:cxnSpLocks/>
            </p:cNvCxnSpPr>
            <p:nvPr/>
          </p:nvCxnSpPr>
          <p:spPr>
            <a:xfrm>
              <a:off x="4655763" y="2290883"/>
              <a:ext cx="0" cy="159375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8" name="Straight Connector 67">
              <a:extLst>
                <a:ext uri="{FF2B5EF4-FFF2-40B4-BE49-F238E27FC236}">
                  <a16:creationId xmlns:a16="http://schemas.microsoft.com/office/drawing/2014/main" id="{2E1A3C8B-EA12-E6F9-86EE-E5EB00FC707C}"/>
                </a:ext>
              </a:extLst>
            </p:cNvPr>
            <p:cNvCxnSpPr>
              <a:cxnSpLocks/>
            </p:cNvCxnSpPr>
            <p:nvPr/>
          </p:nvCxnSpPr>
          <p:spPr>
            <a:xfrm>
              <a:off x="4421818" y="2299903"/>
              <a:ext cx="0" cy="182571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" name="Straight Connector 68">
              <a:extLst>
                <a:ext uri="{FF2B5EF4-FFF2-40B4-BE49-F238E27FC236}">
                  <a16:creationId xmlns:a16="http://schemas.microsoft.com/office/drawing/2014/main" id="{12DAC7D9-EBF2-07CE-61B3-280BA195D41C}"/>
                </a:ext>
              </a:extLst>
            </p:cNvPr>
            <p:cNvCxnSpPr>
              <a:cxnSpLocks/>
            </p:cNvCxnSpPr>
            <p:nvPr/>
          </p:nvCxnSpPr>
          <p:spPr>
            <a:xfrm>
              <a:off x="4193047" y="2450258"/>
              <a:ext cx="228769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Straight Connector 69">
              <a:extLst>
                <a:ext uri="{FF2B5EF4-FFF2-40B4-BE49-F238E27FC236}">
                  <a16:creationId xmlns:a16="http://schemas.microsoft.com/office/drawing/2014/main" id="{41CCA7A8-318E-BA1A-CDB7-03B7AE1FF92C}"/>
                </a:ext>
              </a:extLst>
            </p:cNvPr>
            <p:cNvCxnSpPr>
              <a:cxnSpLocks/>
            </p:cNvCxnSpPr>
            <p:nvPr/>
          </p:nvCxnSpPr>
          <p:spPr>
            <a:xfrm>
              <a:off x="4222994" y="2436298"/>
              <a:ext cx="0" cy="425528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" name="Straight Connector 70">
              <a:extLst>
                <a:ext uri="{FF2B5EF4-FFF2-40B4-BE49-F238E27FC236}">
                  <a16:creationId xmlns:a16="http://schemas.microsoft.com/office/drawing/2014/main" id="{1653645D-8361-3FC5-C881-1D741718A4D8}"/>
                </a:ext>
              </a:extLst>
            </p:cNvPr>
            <p:cNvCxnSpPr>
              <a:cxnSpLocks/>
            </p:cNvCxnSpPr>
            <p:nvPr/>
          </p:nvCxnSpPr>
          <p:spPr>
            <a:xfrm>
              <a:off x="4202054" y="2828603"/>
              <a:ext cx="324363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2" name="Straight Connector 71">
              <a:extLst>
                <a:ext uri="{FF2B5EF4-FFF2-40B4-BE49-F238E27FC236}">
                  <a16:creationId xmlns:a16="http://schemas.microsoft.com/office/drawing/2014/main" id="{9A42C837-2E08-8B5D-3143-DFAD2B4FBCE2}"/>
                </a:ext>
              </a:extLst>
            </p:cNvPr>
            <p:cNvCxnSpPr>
              <a:cxnSpLocks/>
            </p:cNvCxnSpPr>
            <p:nvPr/>
          </p:nvCxnSpPr>
          <p:spPr>
            <a:xfrm>
              <a:off x="4502199" y="2806808"/>
              <a:ext cx="0" cy="419042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" name="Straight Connector 72">
              <a:extLst>
                <a:ext uri="{FF2B5EF4-FFF2-40B4-BE49-F238E27FC236}">
                  <a16:creationId xmlns:a16="http://schemas.microsoft.com/office/drawing/2014/main" id="{0A50DD13-68D4-D7FE-D47D-2EF7503DF447}"/>
                </a:ext>
              </a:extLst>
            </p:cNvPr>
            <p:cNvCxnSpPr>
              <a:cxnSpLocks/>
            </p:cNvCxnSpPr>
            <p:nvPr/>
          </p:nvCxnSpPr>
          <p:spPr>
            <a:xfrm>
              <a:off x="4124074" y="3192919"/>
              <a:ext cx="378126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Straight Connector 73">
              <a:extLst>
                <a:ext uri="{FF2B5EF4-FFF2-40B4-BE49-F238E27FC236}">
                  <a16:creationId xmlns:a16="http://schemas.microsoft.com/office/drawing/2014/main" id="{42C15DFD-52D6-1A5C-A76E-DC1BF5A1E9A1}"/>
                </a:ext>
              </a:extLst>
            </p:cNvPr>
            <p:cNvCxnSpPr>
              <a:cxnSpLocks/>
            </p:cNvCxnSpPr>
            <p:nvPr/>
          </p:nvCxnSpPr>
          <p:spPr>
            <a:xfrm>
              <a:off x="4158496" y="3178959"/>
              <a:ext cx="0" cy="1288339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5" name="Straight Connector 74">
              <a:extLst>
                <a:ext uri="{FF2B5EF4-FFF2-40B4-BE49-F238E27FC236}">
                  <a16:creationId xmlns:a16="http://schemas.microsoft.com/office/drawing/2014/main" id="{E451C64B-0E32-A831-E3A6-BB2C0C3E9E8F}"/>
                </a:ext>
              </a:extLst>
            </p:cNvPr>
            <p:cNvCxnSpPr>
              <a:cxnSpLocks/>
            </p:cNvCxnSpPr>
            <p:nvPr/>
          </p:nvCxnSpPr>
          <p:spPr>
            <a:xfrm>
              <a:off x="3894925" y="4453338"/>
              <a:ext cx="0" cy="1071611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6" name="Straight Connector 75">
              <a:extLst>
                <a:ext uri="{FF2B5EF4-FFF2-40B4-BE49-F238E27FC236}">
                  <a16:creationId xmlns:a16="http://schemas.microsoft.com/office/drawing/2014/main" id="{217EC2DE-0A1A-8121-E654-B860D2127609}"/>
                </a:ext>
              </a:extLst>
            </p:cNvPr>
            <p:cNvCxnSpPr>
              <a:cxnSpLocks/>
            </p:cNvCxnSpPr>
            <p:nvPr/>
          </p:nvCxnSpPr>
          <p:spPr>
            <a:xfrm>
              <a:off x="3863509" y="4467298"/>
              <a:ext cx="329538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7" name="Straight Connector 76">
              <a:extLst>
                <a:ext uri="{FF2B5EF4-FFF2-40B4-BE49-F238E27FC236}">
                  <a16:creationId xmlns:a16="http://schemas.microsoft.com/office/drawing/2014/main" id="{8EC3E34F-8D78-7F2F-E330-660E83F01AE3}"/>
                </a:ext>
              </a:extLst>
            </p:cNvPr>
            <p:cNvCxnSpPr>
              <a:cxnSpLocks/>
            </p:cNvCxnSpPr>
            <p:nvPr/>
          </p:nvCxnSpPr>
          <p:spPr>
            <a:xfrm>
              <a:off x="3908889" y="5490682"/>
              <a:ext cx="1928014" cy="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" name="Straight Connector 77">
              <a:extLst>
                <a:ext uri="{FF2B5EF4-FFF2-40B4-BE49-F238E27FC236}">
                  <a16:creationId xmlns:a16="http://schemas.microsoft.com/office/drawing/2014/main" id="{1A98A58E-B0E0-1230-86B2-04C66C88CEC3}"/>
                </a:ext>
              </a:extLst>
            </p:cNvPr>
            <p:cNvCxnSpPr>
              <a:cxnSpLocks/>
            </p:cNvCxnSpPr>
            <p:nvPr/>
          </p:nvCxnSpPr>
          <p:spPr>
            <a:xfrm>
              <a:off x="5807156" y="3723988"/>
              <a:ext cx="0" cy="1795950"/>
            </a:xfrm>
            <a:prstGeom prst="line">
              <a:avLst/>
            </a:prstGeom>
            <a:ln w="57150">
              <a:solidFill>
                <a:srgbClr val="C0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79" name="Rectangle 78">
            <a:extLst>
              <a:ext uri="{FF2B5EF4-FFF2-40B4-BE49-F238E27FC236}">
                <a16:creationId xmlns:a16="http://schemas.microsoft.com/office/drawing/2014/main" id="{F6AA7C4C-55F1-94D9-F94C-0DBF296850A7}"/>
              </a:ext>
            </a:extLst>
          </p:cNvPr>
          <p:cNvSpPr/>
          <p:nvPr/>
        </p:nvSpPr>
        <p:spPr>
          <a:xfrm>
            <a:off x="6958125" y="1356362"/>
            <a:ext cx="1319042" cy="100401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537786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201F2BDF-36A7-7A83-8ECF-48BFFDA36FE6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CA" b="1">
                <a:solidFill>
                  <a:schemeClr val="accent2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41" name="OTLSHAPE_SL2A_b0146a0eb0cd438ba5f4fd756edd7007_BackgroundRectangle" hidden="1">
            <a:extLst>
              <a:ext uri="{FF2B5EF4-FFF2-40B4-BE49-F238E27FC236}">
                <a16:creationId xmlns:a16="http://schemas.microsoft.com/office/drawing/2014/main" id="{678EEDC0-E2F4-D595-3BBF-FE4C93F28666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130300" y="2302755"/>
            <a:ext cx="10058400" cy="4964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2" name="OTLSHAPE_SL2A_0a343baeb68341be94904231bc7da33d_BackgroundRectangle" hidden="1">
            <a:extLst>
              <a:ext uri="{FF2B5EF4-FFF2-40B4-BE49-F238E27FC236}">
                <a16:creationId xmlns:a16="http://schemas.microsoft.com/office/drawing/2014/main" id="{40A40518-AF2F-E568-78E3-2581B8B769B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30300" y="2862698"/>
            <a:ext cx="10058400" cy="4964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3" name="OTLSHAPE_SL2A_e1527f193c6b4b1e879d2c6928e51b77_BackgroundRectangle" hidden="1">
            <a:extLst>
              <a:ext uri="{FF2B5EF4-FFF2-40B4-BE49-F238E27FC236}">
                <a16:creationId xmlns:a16="http://schemas.microsoft.com/office/drawing/2014/main" id="{03313C13-5288-55B7-432D-97DAF6B0AF1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30300" y="3422641"/>
            <a:ext cx="10058400" cy="1695958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9" name="OTLSHAPE_SL2A_b0146a0eb0cd438ba5f4fd756edd7007_HeaderRectangle" hidden="1">
            <a:extLst>
              <a:ext uri="{FF2B5EF4-FFF2-40B4-BE49-F238E27FC236}">
                <a16:creationId xmlns:a16="http://schemas.microsoft.com/office/drawing/2014/main" id="{A6C9DD42-0911-D9DC-11FD-70F5B9334D0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30300" y="230275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0" name="OTLSHAPE_SL2A_0a343baeb68341be94904231bc7da33d_HeaderRectangle" hidden="1">
            <a:extLst>
              <a:ext uri="{FF2B5EF4-FFF2-40B4-BE49-F238E27FC236}">
                <a16:creationId xmlns:a16="http://schemas.microsoft.com/office/drawing/2014/main" id="{477B103A-47DF-56F0-A31C-D1E59F1DD39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130300" y="2862698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61" name="OTLSHAPE_SL2A_e1527f193c6b4b1e879d2c6928e51b77_HeaderRectangle" hidden="1">
            <a:extLst>
              <a:ext uri="{FF2B5EF4-FFF2-40B4-BE49-F238E27FC236}">
                <a16:creationId xmlns:a16="http://schemas.microsoft.com/office/drawing/2014/main" id="{0F78EBA2-1EC8-FF37-B99B-1DA016F360A2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130300" y="3422641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3" name="OTLSHAPE_SLT_a115efa1eddf4eb9adefd0ff0ee6d893_ShapePercentage" hidden="1">
            <a:extLst>
              <a:ext uri="{FF2B5EF4-FFF2-40B4-BE49-F238E27FC236}">
                <a16:creationId xmlns:a16="http://schemas.microsoft.com/office/drawing/2014/main" id="{554B9675-AFC4-03F8-66CA-061CC9C3E8D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257300" y="23408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4" name="OTLSHAPE_SLT_69fe30bc9a27456a8c04449622c951f9_ShapePercentage" hidden="1">
            <a:extLst>
              <a:ext uri="{FF2B5EF4-FFF2-40B4-BE49-F238E27FC236}">
                <a16:creationId xmlns:a16="http://schemas.microsoft.com/office/drawing/2014/main" id="{CD54324A-454D-2DD3-1DA5-80DBD0207C4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2360764" y="2900798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3" name="OTLSHAPE_SLT_7f2bcedfd4fc4f4da4b578dbe08273fd_ShapePercentage" hidden="1">
            <a:extLst>
              <a:ext uri="{FF2B5EF4-FFF2-40B4-BE49-F238E27FC236}">
                <a16:creationId xmlns:a16="http://schemas.microsoft.com/office/drawing/2014/main" id="{4F5879C7-37C0-D68D-899C-C07AF918BC91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3231760" y="3460741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1" name="OTLSHAPE_SLT_384d1e118b444cf18a2defa81c1d4473_ShapePercentage" hidden="1">
            <a:extLst>
              <a:ext uri="{FF2B5EF4-FFF2-40B4-BE49-F238E27FC236}">
                <a16:creationId xmlns:a16="http://schemas.microsoft.com/office/drawing/2014/main" id="{E1232A63-3929-CBDE-4B45-0F8974D1A155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5850788" y="3741284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9" name="OTLSHAPE_SLT_d1a53f3535ef4639b47eb9cbdd4bdeb6_ShapePercentage" hidden="1">
            <a:extLst>
              <a:ext uri="{FF2B5EF4-FFF2-40B4-BE49-F238E27FC236}">
                <a16:creationId xmlns:a16="http://schemas.microsoft.com/office/drawing/2014/main" id="{7298F20F-C9E3-5DE2-3BD5-69935CA2B37D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8426040" y="4309291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97" name="OTLSHAPE_SLT_fafe5d592c1746fe995305aa100a68aa_ShapePercentage" hidden="1">
            <a:extLst>
              <a:ext uri="{FF2B5EF4-FFF2-40B4-BE49-F238E27FC236}">
                <a16:creationId xmlns:a16="http://schemas.microsoft.com/office/drawing/2014/main" id="{0FA80144-3EE1-B9E1-3956-871A2D297A40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9023812" y="4589834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13" name="OTLSHAPE_SLT_04229c6590704d32bdb6acfa3b17baf2_ShapePercentage" hidden="1">
            <a:extLst>
              <a:ext uri="{FF2B5EF4-FFF2-40B4-BE49-F238E27FC236}">
                <a16:creationId xmlns:a16="http://schemas.microsoft.com/office/drawing/2014/main" id="{A7890A1D-A48D-4B84-EF62-667B482155C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9799709" y="4870378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40" name="OTLSHAPE_SL2A_b0146a0eb0cd438ba5f4fd756edd7007_Header" hidden="1">
            <a:extLst>
              <a:ext uri="{FF2B5EF4-FFF2-40B4-BE49-F238E27FC236}">
                <a16:creationId xmlns:a16="http://schemas.microsoft.com/office/drawing/2014/main" id="{9AE0F6E7-51BD-44F6-3330-727FC11A7771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2700" y="-24725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2A_0a343baeb68341be94904231bc7da33d_Header" hidden="1">
            <a:extLst>
              <a:ext uri="{FF2B5EF4-FFF2-40B4-BE49-F238E27FC236}">
                <a16:creationId xmlns:a16="http://schemas.microsoft.com/office/drawing/2014/main" id="{14301025-8E7D-1E8C-F4FE-F92B2046FE05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2700" y="-24725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2A_e1527f193c6b4b1e879d2c6928e51b77_Header" hidden="1">
            <a:extLst>
              <a:ext uri="{FF2B5EF4-FFF2-40B4-BE49-F238E27FC236}">
                <a16:creationId xmlns:a16="http://schemas.microsoft.com/office/drawing/2014/main" id="{6760DBF6-7238-D985-565D-3A3C564B83E9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700" y="-24725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a115efa1eddf4eb9adefd0ff0ee6d893_Duration" hidden="1">
            <a:extLst>
              <a:ext uri="{FF2B5EF4-FFF2-40B4-BE49-F238E27FC236}">
                <a16:creationId xmlns:a16="http://schemas.microsoft.com/office/drawing/2014/main" id="{9AA3F22F-E5DC-4C61-5914-A1D2B2166FA3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>
                <a:solidFill>
                  <a:schemeClr val="accent2"/>
                </a:solidFill>
                <a:latin typeface="Calibri" panose="020F0502020204030204" pitchFamily="34" charset="0"/>
              </a:rPr>
              <a:t>783 days</a:t>
            </a:r>
          </a:p>
        </p:txBody>
      </p:sp>
      <p:sp>
        <p:nvSpPr>
          <p:cNvPr id="45" name="OTLSHAPE_SLT_a115efa1eddf4eb9adefd0ff0ee6d893_TextPercentage" hidden="1">
            <a:extLst>
              <a:ext uri="{FF2B5EF4-FFF2-40B4-BE49-F238E27FC236}">
                <a16:creationId xmlns:a16="http://schemas.microsoft.com/office/drawing/2014/main" id="{4E949413-77A7-98A7-18A8-A0F87394213B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SLT_a115efa1eddf4eb9adefd0ff0ee6d893_JoinedDate" hidden="1">
            <a:extLst>
              <a:ext uri="{FF2B5EF4-FFF2-40B4-BE49-F238E27FC236}">
                <a16:creationId xmlns:a16="http://schemas.microsoft.com/office/drawing/2014/main" id="{2019135E-9B8D-D561-5F43-64E301CA393C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700" y="-695186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>
                <a:solidFill>
                  <a:schemeClr val="dk2"/>
                </a:solidFill>
                <a:latin typeface="Calibri" panose="020F0502020204030204" pitchFamily="34" charset="0"/>
              </a:rPr>
              <a:t>Jan 1 - Dec 31</a:t>
            </a:r>
          </a:p>
        </p:txBody>
      </p:sp>
      <p:sp>
        <p:nvSpPr>
          <p:cNvPr id="55" name="OTLSHAPE_SLT_69fe30bc9a27456a8c04449622c951f9_Duration" hidden="1">
            <a:extLst>
              <a:ext uri="{FF2B5EF4-FFF2-40B4-BE49-F238E27FC236}">
                <a16:creationId xmlns:a16="http://schemas.microsoft.com/office/drawing/2014/main" id="{9D60E8C2-7B4A-09E7-84F9-1E04B0817323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700" y="-464354"/>
            <a:ext cx="520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>
                <a:solidFill>
                  <a:schemeClr val="accent2"/>
                </a:solidFill>
                <a:latin typeface="Calibri" panose="020F0502020204030204" pitchFamily="34" charset="0"/>
              </a:rPr>
              <a:t>1523 days</a:t>
            </a:r>
          </a:p>
        </p:txBody>
      </p:sp>
      <p:sp>
        <p:nvSpPr>
          <p:cNvPr id="56" name="OTLSHAPE_SLT_69fe30bc9a27456a8c04449622c951f9_TextPercentage" hidden="1">
            <a:extLst>
              <a:ext uri="{FF2B5EF4-FFF2-40B4-BE49-F238E27FC236}">
                <a16:creationId xmlns:a16="http://schemas.microsoft.com/office/drawing/2014/main" id="{815BE7FF-4C80-97E0-EB1B-C6BCD96292D7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SLT_69fe30bc9a27456a8c04449622c951f9_JoinedDate" hidden="1">
            <a:extLst>
              <a:ext uri="{FF2B5EF4-FFF2-40B4-BE49-F238E27FC236}">
                <a16:creationId xmlns:a16="http://schemas.microsoft.com/office/drawing/2014/main" id="{5B5DC4FB-235F-C98C-0431-1FDFFA0DB644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-618242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>
                <a:solidFill>
                  <a:schemeClr val="dk2"/>
                </a:solidFill>
                <a:latin typeface="Calibri" panose="020F0502020204030204" pitchFamily="34" charset="0"/>
              </a:rPr>
              <a:t>Jan 1 - Nov 1</a:t>
            </a:r>
          </a:p>
        </p:txBody>
      </p:sp>
      <p:sp>
        <p:nvSpPr>
          <p:cNvPr id="74" name="OTLSHAPE_SLT_7f2bcedfd4fc4f4da4b578dbe08273fd_Duration" hidden="1">
            <a:extLst>
              <a:ext uri="{FF2B5EF4-FFF2-40B4-BE49-F238E27FC236}">
                <a16:creationId xmlns:a16="http://schemas.microsoft.com/office/drawing/2014/main" id="{F8D09923-2D11-4631-9B3B-76E3376A2EA5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-535692"/>
            <a:ext cx="520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>
                <a:solidFill>
                  <a:schemeClr val="accent2"/>
                </a:solidFill>
                <a:latin typeface="Calibri" panose="020F0502020204030204" pitchFamily="34" charset="0"/>
              </a:rPr>
              <a:t>2522 days</a:t>
            </a:r>
          </a:p>
        </p:txBody>
      </p:sp>
      <p:sp>
        <p:nvSpPr>
          <p:cNvPr id="75" name="OTLSHAPE_SLT_7f2bcedfd4fc4f4da4b578dbe08273fd_TextPercentage" hidden="1">
            <a:extLst>
              <a:ext uri="{FF2B5EF4-FFF2-40B4-BE49-F238E27FC236}">
                <a16:creationId xmlns:a16="http://schemas.microsoft.com/office/drawing/2014/main" id="{BC73255B-670E-60F9-932F-8602DB7FFDBE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7f2bcedfd4fc4f4da4b578dbe08273fd_JoinedDate" hidden="1">
            <a:extLst>
              <a:ext uri="{FF2B5EF4-FFF2-40B4-BE49-F238E27FC236}">
                <a16:creationId xmlns:a16="http://schemas.microsoft.com/office/drawing/2014/main" id="{812F4EB0-4EB1-1B96-5CBD-199CA5678353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-689580"/>
            <a:ext cx="673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>
                <a:solidFill>
                  <a:schemeClr val="dk2"/>
                </a:solidFill>
                <a:latin typeface="Calibri" panose="020F0502020204030204" pitchFamily="34" charset="0"/>
              </a:rPr>
              <a:t>Aug 1 - Apr 1</a:t>
            </a:r>
          </a:p>
        </p:txBody>
      </p:sp>
      <p:sp>
        <p:nvSpPr>
          <p:cNvPr id="77" name="OTLSHAPE_SLT_7f2bcedfd4fc4f4da4b578dbe08273fd_StartDate" hidden="1">
            <a:extLst>
              <a:ext uri="{FF2B5EF4-FFF2-40B4-BE49-F238E27FC236}">
                <a16:creationId xmlns:a16="http://schemas.microsoft.com/office/drawing/2014/main" id="{72C53AC3-81B8-82E5-5E8F-700F7614BA07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4048224" y="31810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SLT_7f2bcedfd4fc4f4da4b578dbe08273fd_EndDate" hidden="1">
            <a:extLst>
              <a:ext uri="{FF2B5EF4-FFF2-40B4-BE49-F238E27FC236}">
                <a16:creationId xmlns:a16="http://schemas.microsoft.com/office/drawing/2014/main" id="{91DD85CB-F072-2D2D-9964-316EDBF7FF53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9528094" y="31810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384d1e118b444cf18a2defa81c1d4473_Duration" hidden="1">
            <a:extLst>
              <a:ext uri="{FF2B5EF4-FFF2-40B4-BE49-F238E27FC236}">
                <a16:creationId xmlns:a16="http://schemas.microsoft.com/office/drawing/2014/main" id="{80D8D435-874F-22FB-02A8-581D73086C0F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-535692"/>
            <a:ext cx="520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>
                <a:solidFill>
                  <a:schemeClr val="accent2"/>
                </a:solidFill>
                <a:latin typeface="Calibri" panose="020F0502020204030204" pitchFamily="34" charset="0"/>
              </a:rPr>
              <a:t>1216 days</a:t>
            </a:r>
          </a:p>
        </p:txBody>
      </p:sp>
      <p:sp>
        <p:nvSpPr>
          <p:cNvPr id="83" name="OTLSHAPE_SLT_384d1e118b444cf18a2defa81c1d4473_TextPercentage" hidden="1">
            <a:extLst>
              <a:ext uri="{FF2B5EF4-FFF2-40B4-BE49-F238E27FC236}">
                <a16:creationId xmlns:a16="http://schemas.microsoft.com/office/drawing/2014/main" id="{5910C821-EB22-C0FF-187A-CAE420DA3A42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384d1e118b444cf18a2defa81c1d4473_JoinedDate" hidden="1">
            <a:extLst>
              <a:ext uri="{FF2B5EF4-FFF2-40B4-BE49-F238E27FC236}">
                <a16:creationId xmlns:a16="http://schemas.microsoft.com/office/drawing/2014/main" id="{4C19FCB4-521B-0F08-77FE-EB140EBF05BF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-689580"/>
            <a:ext cx="774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>
                <a:solidFill>
                  <a:schemeClr val="dk2"/>
                </a:solidFill>
                <a:latin typeface="Calibri" panose="020F0502020204030204" pitchFamily="34" charset="0"/>
              </a:rPr>
              <a:t>May 1 - Dec 27</a:t>
            </a:r>
          </a:p>
        </p:txBody>
      </p:sp>
      <p:sp>
        <p:nvSpPr>
          <p:cNvPr id="85" name="OTLSHAPE_SLT_384d1e118b444cf18a2defa81c1d4473_StartDate" hidden="1">
            <a:extLst>
              <a:ext uri="{FF2B5EF4-FFF2-40B4-BE49-F238E27FC236}">
                <a16:creationId xmlns:a16="http://schemas.microsoft.com/office/drawing/2014/main" id="{87D5560B-E00E-18CB-FF73-470705D28F4C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056940" y="34477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384d1e118b444cf18a2defa81c1d4473_EndDate" hidden="1">
            <a:extLst>
              <a:ext uri="{FF2B5EF4-FFF2-40B4-BE49-F238E27FC236}">
                <a16:creationId xmlns:a16="http://schemas.microsoft.com/office/drawing/2014/main" id="{1DA388FD-5B6E-7DBB-1766-6C88BBFA5E23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8959148" y="34477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d1a53f3535ef4639b47eb9cbdd4bdeb6_Duration" hidden="1">
            <a:extLst>
              <a:ext uri="{FF2B5EF4-FFF2-40B4-BE49-F238E27FC236}">
                <a16:creationId xmlns:a16="http://schemas.microsoft.com/office/drawing/2014/main" id="{5F862911-3222-1FC2-47B1-7AECC2A63CF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>
                <a:solidFill>
                  <a:schemeClr val="accent2"/>
                </a:solidFill>
                <a:latin typeface="Calibri" panose="020F0502020204030204" pitchFamily="34" charset="0"/>
              </a:rPr>
              <a:t>300 days</a:t>
            </a:r>
          </a:p>
        </p:txBody>
      </p:sp>
      <p:sp>
        <p:nvSpPr>
          <p:cNvPr id="91" name="OTLSHAPE_SLT_d1a53f3535ef4639b47eb9cbdd4bdeb6_TextPercentage" hidden="1">
            <a:extLst>
              <a:ext uri="{FF2B5EF4-FFF2-40B4-BE49-F238E27FC236}">
                <a16:creationId xmlns:a16="http://schemas.microsoft.com/office/drawing/2014/main" id="{61C6EFB0-E354-FCEB-9A0E-DC75E3F72DE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d1a53f3535ef4639b47eb9cbdd4bdeb6_JoinedDate" hidden="1">
            <a:extLst>
              <a:ext uri="{FF2B5EF4-FFF2-40B4-BE49-F238E27FC236}">
                <a16:creationId xmlns:a16="http://schemas.microsoft.com/office/drawing/2014/main" id="{0B17B990-4AAA-ACD9-5019-275F9243609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-689580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>
                <a:solidFill>
                  <a:schemeClr val="dk2"/>
                </a:solidFill>
                <a:latin typeface="Calibri" panose="020F0502020204030204" pitchFamily="34" charset="0"/>
              </a:rPr>
              <a:t>Jan 1 - Feb 24</a:t>
            </a:r>
          </a:p>
        </p:txBody>
      </p:sp>
      <p:sp>
        <p:nvSpPr>
          <p:cNvPr id="98" name="OTLSHAPE_SLT_fafe5d592c1746fe995305aa100a68aa_Duration" hidden="1">
            <a:extLst>
              <a:ext uri="{FF2B5EF4-FFF2-40B4-BE49-F238E27FC236}">
                <a16:creationId xmlns:a16="http://schemas.microsoft.com/office/drawing/2014/main" id="{D7C08247-28EB-AB5F-0DE2-FAFE98F4D77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>
                <a:solidFill>
                  <a:schemeClr val="accent2"/>
                </a:solidFill>
                <a:latin typeface="Calibri" panose="020F0502020204030204" pitchFamily="34" charset="0"/>
              </a:rPr>
              <a:t>175 days</a:t>
            </a:r>
          </a:p>
        </p:txBody>
      </p:sp>
      <p:sp>
        <p:nvSpPr>
          <p:cNvPr id="99" name="OTLSHAPE_SLT_fafe5d592c1746fe995305aa100a68aa_TextPercentage" hidden="1">
            <a:extLst>
              <a:ext uri="{FF2B5EF4-FFF2-40B4-BE49-F238E27FC236}">
                <a16:creationId xmlns:a16="http://schemas.microsoft.com/office/drawing/2014/main" id="{D509F881-305E-172B-6226-7B2973890F95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fafe5d592c1746fe995305aa100a68aa_JoinedDate" hidden="1">
            <a:extLst>
              <a:ext uri="{FF2B5EF4-FFF2-40B4-BE49-F238E27FC236}">
                <a16:creationId xmlns:a16="http://schemas.microsoft.com/office/drawing/2014/main" id="{68526DA8-17B2-81D6-A43C-5A1CA9F0EC2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-612636"/>
            <a:ext cx="660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>
                <a:solidFill>
                  <a:schemeClr val="dk2"/>
                </a:solidFill>
                <a:latin typeface="Calibri" panose="020F0502020204030204" pitchFamily="34" charset="0"/>
              </a:rPr>
              <a:t>Feb 1 - Oct 2</a:t>
            </a:r>
          </a:p>
        </p:txBody>
      </p:sp>
      <p:sp>
        <p:nvSpPr>
          <p:cNvPr id="114" name="OTLSHAPE_SLT_04229c6590704d32bdb6acfa3b17baf2_Duration" hidden="1">
            <a:extLst>
              <a:ext uri="{FF2B5EF4-FFF2-40B4-BE49-F238E27FC236}">
                <a16:creationId xmlns:a16="http://schemas.microsoft.com/office/drawing/2014/main" id="{B4849D35-C636-4856-9BCE-B4B7A7B401CD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>
                <a:solidFill>
                  <a:schemeClr val="accent2"/>
                </a:solidFill>
                <a:latin typeface="Calibri" panose="020F0502020204030204" pitchFamily="34" charset="0"/>
              </a:rPr>
              <a:t>133 days</a:t>
            </a:r>
          </a:p>
        </p:txBody>
      </p:sp>
      <p:sp>
        <p:nvSpPr>
          <p:cNvPr id="115" name="OTLSHAPE_SLT_04229c6590704d32bdb6acfa3b17baf2_TextPercentage" hidden="1">
            <a:extLst>
              <a:ext uri="{FF2B5EF4-FFF2-40B4-BE49-F238E27FC236}">
                <a16:creationId xmlns:a16="http://schemas.microsoft.com/office/drawing/2014/main" id="{97679ED7-56AA-1977-2D39-69FCECCD0AB9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04229c6590704d32bdb6acfa3b17baf2_JoinedDate" hidden="1">
            <a:extLst>
              <a:ext uri="{FF2B5EF4-FFF2-40B4-BE49-F238E27FC236}">
                <a16:creationId xmlns:a16="http://schemas.microsoft.com/office/drawing/2014/main" id="{F14AC6BE-3EEB-2AF6-F27C-327D16FDA42D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-689580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000">
                <a:solidFill>
                  <a:schemeClr val="dk2"/>
                </a:solidFill>
                <a:latin typeface="Calibri" panose="020F0502020204030204" pitchFamily="34" charset="0"/>
              </a:rPr>
              <a:t>Jun 30 - Dec 31</a:t>
            </a:r>
          </a:p>
        </p:txBody>
      </p:sp>
      <p:sp>
        <p:nvSpPr>
          <p:cNvPr id="47" name="OTLSHAPE_SLT_a115efa1eddf4eb9adefd0ff0ee6d893_StartDate" hidden="1">
            <a:extLst>
              <a:ext uri="{FF2B5EF4-FFF2-40B4-BE49-F238E27FC236}">
                <a16:creationId xmlns:a16="http://schemas.microsoft.com/office/drawing/2014/main" id="{7210EA2D-FF37-7255-E471-EE3F1C48516F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945346" y="20580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a115efa1eddf4eb9adefd0ff0ee6d893_EndDate" hidden="1">
            <a:extLst>
              <a:ext uri="{FF2B5EF4-FFF2-40B4-BE49-F238E27FC236}">
                <a16:creationId xmlns:a16="http://schemas.microsoft.com/office/drawing/2014/main" id="{DC5BE007-34CD-1360-7185-8E883343C75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169486" y="20580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69fe30bc9a27456a8c04449622c951f9_StartDate" hidden="1">
            <a:extLst>
              <a:ext uri="{FF2B5EF4-FFF2-40B4-BE49-F238E27FC236}">
                <a16:creationId xmlns:a16="http://schemas.microsoft.com/office/drawing/2014/main" id="{00E372AD-0062-9FBD-A2ED-C845F1D60C0C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186837" y="25714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69fe30bc9a27456a8c04449622c951f9_EndDate" hidden="1">
            <a:extLst>
              <a:ext uri="{FF2B5EF4-FFF2-40B4-BE49-F238E27FC236}">
                <a16:creationId xmlns:a16="http://schemas.microsoft.com/office/drawing/2014/main" id="{517790E5-2ACB-1C92-CB90-1981DD9493C1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168765" y="25714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d1a53f3535ef4639b47eb9cbdd4bdeb6_StartDate" hidden="1">
            <a:extLst>
              <a:ext uri="{FF2B5EF4-FFF2-40B4-BE49-F238E27FC236}">
                <a16:creationId xmlns:a16="http://schemas.microsoft.com/office/drawing/2014/main" id="{6D26ABC2-A2DD-4F1F-6328-E68E3B12690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8641461" y="36182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d1a53f3535ef4639b47eb9cbdd4bdeb6_EndDate" hidden="1">
            <a:extLst>
              <a:ext uri="{FF2B5EF4-FFF2-40B4-BE49-F238E27FC236}">
                <a16:creationId xmlns:a16="http://schemas.microsoft.com/office/drawing/2014/main" id="{3110CB5D-3F59-E0EE-F35E-2B823BE29A97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735293" y="36182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fafe5d592c1746fe995305aa100a68aa_StartDate" hidden="1">
            <a:extLst>
              <a:ext uri="{FF2B5EF4-FFF2-40B4-BE49-F238E27FC236}">
                <a16:creationId xmlns:a16="http://schemas.microsoft.com/office/drawing/2014/main" id="{29193FE8-48B3-11D6-BB40-75C27964B447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9403297" y="40554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SLT_fafe5d592c1746fe995305aa100a68aa_EndDate" hidden="1">
            <a:extLst>
              <a:ext uri="{FF2B5EF4-FFF2-40B4-BE49-F238E27FC236}">
                <a16:creationId xmlns:a16="http://schemas.microsoft.com/office/drawing/2014/main" id="{AB74790B-3661-8E0C-6C3A-B8C56526ECC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198941" y="40554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T_04229c6590704d32bdb6acfa3b17baf2_StartDate" hidden="1">
            <a:extLst>
              <a:ext uri="{FF2B5EF4-FFF2-40B4-BE49-F238E27FC236}">
                <a16:creationId xmlns:a16="http://schemas.microsoft.com/office/drawing/2014/main" id="{8FB43435-0E72-1A05-3F83-6649C5A4769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0170926" y="502347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04229c6590704d32bdb6acfa3b17baf2_EndDate" hidden="1">
            <a:extLst>
              <a:ext uri="{FF2B5EF4-FFF2-40B4-BE49-F238E27FC236}">
                <a16:creationId xmlns:a16="http://schemas.microsoft.com/office/drawing/2014/main" id="{9EE40ED5-F2B4-B6A5-7B8B-B11F33C969B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0922436" y="502347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c9f9aa389b25479e8f607c4815401dde_ShapePercentage" hidden="1">
            <a:extLst>
              <a:ext uri="{FF2B5EF4-FFF2-40B4-BE49-F238E27FC236}">
                <a16:creationId xmlns:a16="http://schemas.microsoft.com/office/drawing/2014/main" id="{BC414E97-1C5D-BF5E-6936-92406CE730B6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6771599" y="4021827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5" name="OTLSHAPE_SLT_c9f9aa389b25479e8f607c4815401dde_Duration" hidden="1">
            <a:extLst>
              <a:ext uri="{FF2B5EF4-FFF2-40B4-BE49-F238E27FC236}">
                <a16:creationId xmlns:a16="http://schemas.microsoft.com/office/drawing/2014/main" id="{84AD0DE8-CC32-8A17-326A-7F48834415D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464354"/>
            <a:ext cx="520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>
                <a:solidFill>
                  <a:schemeClr val="accent2"/>
                </a:solidFill>
                <a:latin typeface="Calibri" panose="020F0502020204030204" pitchFamily="34" charset="0"/>
              </a:rPr>
              <a:t>1130 days</a:t>
            </a:r>
          </a:p>
        </p:txBody>
      </p:sp>
      <p:sp>
        <p:nvSpPr>
          <p:cNvPr id="126" name="OTLSHAPE_SLT_c9f9aa389b25479e8f607c4815401dde_TextPercentage" hidden="1">
            <a:extLst>
              <a:ext uri="{FF2B5EF4-FFF2-40B4-BE49-F238E27FC236}">
                <a16:creationId xmlns:a16="http://schemas.microsoft.com/office/drawing/2014/main" id="{5E5A0AEE-0B9D-E18A-B4F8-EEB86ABDA6B0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c9f9aa389b25479e8f607c4815401dde_JoinedDate" hidden="1">
            <a:extLst>
              <a:ext uri="{FF2B5EF4-FFF2-40B4-BE49-F238E27FC236}">
                <a16:creationId xmlns:a16="http://schemas.microsoft.com/office/drawing/2014/main" id="{4C479ACC-29D5-EE5D-3CDD-FD50FA5BFC6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618242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>
                <a:solidFill>
                  <a:schemeClr val="dk2"/>
                </a:solidFill>
                <a:latin typeface="Calibri" panose="020F0502020204030204" pitchFamily="34" charset="0"/>
              </a:rPr>
              <a:t>Jan 1 - May 1</a:t>
            </a:r>
          </a:p>
        </p:txBody>
      </p:sp>
      <p:sp>
        <p:nvSpPr>
          <p:cNvPr id="128" name="OTLSHAPE_SLT_c9f9aa389b25479e8f607c4815401dde_StartDate" hidden="1">
            <a:extLst>
              <a:ext uri="{FF2B5EF4-FFF2-40B4-BE49-F238E27FC236}">
                <a16:creationId xmlns:a16="http://schemas.microsoft.com/office/drawing/2014/main" id="{E29CB1F0-54FC-7901-3968-CBB22A87915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149404" y="38559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SLT_c9f9aa389b25479e8f607c4815401dde_EndDate" hidden="1">
            <a:extLst>
              <a:ext uri="{FF2B5EF4-FFF2-40B4-BE49-F238E27FC236}">
                <a16:creationId xmlns:a16="http://schemas.microsoft.com/office/drawing/2014/main" id="{087BCFAF-1227-2B0B-81A5-447D2D663A1C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0198941" y="38559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2A_ad24fdac469f4c888405466f3d5b631c_BackgroundRectangle" hidden="1">
            <a:extLst>
              <a:ext uri="{FF2B5EF4-FFF2-40B4-BE49-F238E27FC236}">
                <a16:creationId xmlns:a16="http://schemas.microsoft.com/office/drawing/2014/main" id="{268DB9AE-35B9-FDB1-70FE-F4E6AC0260EB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130300" y="5182099"/>
            <a:ext cx="10058400" cy="51028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34" name="OTLSHAPE_SL2A_ad24fdac469f4c888405466f3d5b631c_HeaderRectangle" hidden="1">
            <a:extLst>
              <a:ext uri="{FF2B5EF4-FFF2-40B4-BE49-F238E27FC236}">
                <a16:creationId xmlns:a16="http://schemas.microsoft.com/office/drawing/2014/main" id="{B9FA9952-ABA9-4B21-5CA8-E0807FBFC63F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1130300" y="5182099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35" name="OTLSHAPE_SL2A_ad24fdac469f4c888405466f3d5b631c_Header" hidden="1">
            <a:extLst>
              <a:ext uri="{FF2B5EF4-FFF2-40B4-BE49-F238E27FC236}">
                <a16:creationId xmlns:a16="http://schemas.microsoft.com/office/drawing/2014/main" id="{97DC87AE-6736-89B9-6916-147B86F938A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-111837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b01af582422d4b6db93ad6cd553c1df1_ShapePercentage" hidden="1">
            <a:extLst>
              <a:ext uri="{FF2B5EF4-FFF2-40B4-BE49-F238E27FC236}">
                <a16:creationId xmlns:a16="http://schemas.microsoft.com/office/drawing/2014/main" id="{2265F847-D605-FE2C-2904-31FCF22E1F9D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9986890" y="533564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39" name="OTLSHAPE_SLT_b01af582422d4b6db93ad6cd553c1df1_Duration" hidden="1">
            <a:extLst>
              <a:ext uri="{FF2B5EF4-FFF2-40B4-BE49-F238E27FC236}">
                <a16:creationId xmlns:a16="http://schemas.microsoft.com/office/drawing/2014/main" id="{93F41C2B-D54B-D6CA-89D7-8C7E04F8B29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38180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>
                <a:solidFill>
                  <a:schemeClr val="accent2"/>
                </a:solidFill>
                <a:latin typeface="Calibri" panose="020F0502020204030204" pitchFamily="34" charset="0"/>
              </a:rPr>
              <a:t>75 days</a:t>
            </a:r>
          </a:p>
        </p:txBody>
      </p:sp>
      <p:sp>
        <p:nvSpPr>
          <p:cNvPr id="140" name="OTLSHAPE_SLT_b01af582422d4b6db93ad6cd553c1df1_TextPercentage" hidden="1">
            <a:extLst>
              <a:ext uri="{FF2B5EF4-FFF2-40B4-BE49-F238E27FC236}">
                <a16:creationId xmlns:a16="http://schemas.microsoft.com/office/drawing/2014/main" id="{ABE34882-3EA9-93B3-1A11-EA03556164A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SLT_b01af582422d4b6db93ad6cd553c1df1_JoinedDate" hidden="1">
            <a:extLst>
              <a:ext uri="{FF2B5EF4-FFF2-40B4-BE49-F238E27FC236}">
                <a16:creationId xmlns:a16="http://schemas.microsoft.com/office/drawing/2014/main" id="{6F869DE5-257B-04AC-D614-F4D84079E9C7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766524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000">
                <a:solidFill>
                  <a:schemeClr val="dk2"/>
                </a:solidFill>
                <a:latin typeface="Calibri" panose="020F0502020204030204" pitchFamily="34" charset="0"/>
              </a:rPr>
              <a:t>Nov 1 - Feb 13</a:t>
            </a:r>
          </a:p>
        </p:txBody>
      </p:sp>
      <p:sp>
        <p:nvSpPr>
          <p:cNvPr id="142" name="OTLSHAPE_SLT_b01af582422d4b6db93ad6cd553c1df1_StartDate" hidden="1">
            <a:extLst>
              <a:ext uri="{FF2B5EF4-FFF2-40B4-BE49-F238E27FC236}">
                <a16:creationId xmlns:a16="http://schemas.microsoft.com/office/drawing/2014/main" id="{B9D9CD39-B7D0-4FFF-3593-E13EE2A704C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400597" y="57589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b01af582422d4b6db93ad6cd553c1df1_EndDate" hidden="1">
            <a:extLst>
              <a:ext uri="{FF2B5EF4-FFF2-40B4-BE49-F238E27FC236}">
                <a16:creationId xmlns:a16="http://schemas.microsoft.com/office/drawing/2014/main" id="{D4FDE71E-DB38-89F6-57F3-006C3A83126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1122841" y="57589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CA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SL_acda3f7375a24b7b9912fd1d14f1c10f_BackgroundRectangle">
            <a:extLst>
              <a:ext uri="{FF2B5EF4-FFF2-40B4-BE49-F238E27FC236}">
                <a16:creationId xmlns:a16="http://schemas.microsoft.com/office/drawing/2014/main" id="{2263D736-AE4C-ACD3-2449-2497FDF863A5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368300" y="2302755"/>
            <a:ext cx="11125200" cy="4964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6" name="OTLSHAPE_SL_076e4c28842842d382860f511e63292f_BackgroundRectangle">
            <a:extLst>
              <a:ext uri="{FF2B5EF4-FFF2-40B4-BE49-F238E27FC236}">
                <a16:creationId xmlns:a16="http://schemas.microsoft.com/office/drawing/2014/main" id="{2CF0D040-1A5F-B4AD-7D53-7A3E099B83CE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368300" y="2862698"/>
            <a:ext cx="11125200" cy="4964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9" name="OTLSHAPE_SL_3f4d1495dc214c7781670b442f5f61bf_BackgroundRectangle">
            <a:extLst>
              <a:ext uri="{FF2B5EF4-FFF2-40B4-BE49-F238E27FC236}">
                <a16:creationId xmlns:a16="http://schemas.microsoft.com/office/drawing/2014/main" id="{8E0A639D-88A2-2C45-9C85-52203F765159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368300" y="3422641"/>
            <a:ext cx="11125200" cy="1695958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31" name="OTLSHAPE_SL_a59d29ee41d742bfaa0110a23085a579_BackgroundRectangle">
            <a:extLst>
              <a:ext uri="{FF2B5EF4-FFF2-40B4-BE49-F238E27FC236}">
                <a16:creationId xmlns:a16="http://schemas.microsoft.com/office/drawing/2014/main" id="{E68CF05A-F97F-7B08-7A50-02D7F263ABFC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368300" y="5182099"/>
            <a:ext cx="11125200" cy="51028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926C9D64-3D7C-0287-67C3-C4E460601DE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CA" b="1">
                <a:solidFill>
                  <a:schemeClr val="accent2"/>
                </a:solidFill>
                <a:latin typeface="Calibri" panose="020F0502020204030204" pitchFamily="34" charset="0"/>
              </a:rPr>
              <a:t>2029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F8644E32-F957-06EB-8EA9-7B61EF2667BF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1397000" y="1405500"/>
            <a:ext cx="10261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A5A5A5"/>
              </a:gs>
              <a:gs pos="100000">
                <a:srgbClr val="A5A5A5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4" name="OTLSHAPE_SL_acda3f7375a24b7b9912fd1d14f1c10f_HeaderRectangle">
            <a:extLst>
              <a:ext uri="{FF2B5EF4-FFF2-40B4-BE49-F238E27FC236}">
                <a16:creationId xmlns:a16="http://schemas.microsoft.com/office/drawing/2014/main" id="{67E77808-8AC2-5A40-AC54-45EDC3C89EC5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368300" y="2302755"/>
            <a:ext cx="1066800" cy="496443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7" name="OTLSHAPE_SL_076e4c28842842d382860f511e63292f_HeaderRectangle">
            <a:extLst>
              <a:ext uri="{FF2B5EF4-FFF2-40B4-BE49-F238E27FC236}">
                <a16:creationId xmlns:a16="http://schemas.microsoft.com/office/drawing/2014/main" id="{B87CD564-B877-5586-81CD-1CFB3AFCDC7B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368300" y="2862698"/>
            <a:ext cx="1066800" cy="496443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0" name="OTLSHAPE_SL_3f4d1495dc214c7781670b442f5f61bf_HeaderRectangle">
            <a:extLst>
              <a:ext uri="{FF2B5EF4-FFF2-40B4-BE49-F238E27FC236}">
                <a16:creationId xmlns:a16="http://schemas.microsoft.com/office/drawing/2014/main" id="{440EB32D-6A02-0A43-941F-CCB396737ACD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368300" y="3422641"/>
            <a:ext cx="1066800" cy="1695958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32" name="OTLSHAPE_SL_a59d29ee41d742bfaa0110a23085a579_HeaderRectangle">
            <a:extLst>
              <a:ext uri="{FF2B5EF4-FFF2-40B4-BE49-F238E27FC236}">
                <a16:creationId xmlns:a16="http://schemas.microsoft.com/office/drawing/2014/main" id="{CA5BB856-E635-55DE-345A-81DC3528691F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368300" y="5182099"/>
            <a:ext cx="1066800" cy="510286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cxnSp>
        <p:nvCxnSpPr>
          <p:cNvPr id="32" name="OTLSHAPE_G_00000000000000000000000000000000_ShapeBelow0">
            <a:extLst>
              <a:ext uri="{FF2B5EF4-FFF2-40B4-BE49-F238E27FC236}">
                <a16:creationId xmlns:a16="http://schemas.microsoft.com/office/drawing/2014/main" id="{D932D235-487B-8ECF-A33C-CD5E276716ED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2665564" y="1786500"/>
            <a:ext cx="0" cy="3905885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G_00000000000000000000000000000000_ShapeBelow1">
            <a:extLst>
              <a:ext uri="{FF2B5EF4-FFF2-40B4-BE49-F238E27FC236}">
                <a16:creationId xmlns:a16="http://schemas.microsoft.com/office/drawing/2014/main" id="{C43B7887-F869-A364-E360-9E796CCAB7E4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3767518" y="1786500"/>
            <a:ext cx="0" cy="3905885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G_00000000000000000000000000000000_ShapeBelow2">
            <a:extLst>
              <a:ext uri="{FF2B5EF4-FFF2-40B4-BE49-F238E27FC236}">
                <a16:creationId xmlns:a16="http://schemas.microsoft.com/office/drawing/2014/main" id="{A04E303A-38C3-A2B1-6FAD-3946A7DB02CC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4870981" y="1786500"/>
            <a:ext cx="0" cy="3905885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G_00000000000000000000000000000000_ShapeBelow3">
            <a:extLst>
              <a:ext uri="{FF2B5EF4-FFF2-40B4-BE49-F238E27FC236}">
                <a16:creationId xmlns:a16="http://schemas.microsoft.com/office/drawing/2014/main" id="{84F59F0D-1BF1-E5D4-FBFB-B966B6F6009A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5972935" y="1786500"/>
            <a:ext cx="0" cy="3905885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G_00000000000000000000000000000000_ShapeBelow4">
            <a:extLst>
              <a:ext uri="{FF2B5EF4-FFF2-40B4-BE49-F238E27FC236}">
                <a16:creationId xmlns:a16="http://schemas.microsoft.com/office/drawing/2014/main" id="{D5A37277-C780-2D72-838D-01F0FD37262A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7076399" y="1786500"/>
            <a:ext cx="0" cy="3905885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G_00000000000000000000000000000000_ShapeBelow5">
            <a:extLst>
              <a:ext uri="{FF2B5EF4-FFF2-40B4-BE49-F238E27FC236}">
                <a16:creationId xmlns:a16="http://schemas.microsoft.com/office/drawing/2014/main" id="{6CE07F56-7C01-EA05-BFE1-52E5040BB657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8178354" y="1786500"/>
            <a:ext cx="0" cy="3905885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G_00000000000000000000000000000000_ShapeBelow6">
            <a:extLst>
              <a:ext uri="{FF2B5EF4-FFF2-40B4-BE49-F238E27FC236}">
                <a16:creationId xmlns:a16="http://schemas.microsoft.com/office/drawing/2014/main" id="{D10589F7-DE44-165B-2B01-40DB7DAD297F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9281817" y="1786500"/>
            <a:ext cx="0" cy="3905885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G_00000000000000000000000000000000_ShapeBelow7">
            <a:extLst>
              <a:ext uri="{FF2B5EF4-FFF2-40B4-BE49-F238E27FC236}">
                <a16:creationId xmlns:a16="http://schemas.microsoft.com/office/drawing/2014/main" id="{938870AE-E122-FC60-EB47-6ED8C256FA86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10383771" y="1786500"/>
            <a:ext cx="0" cy="3905885"/>
          </a:xfrm>
          <a:prstGeom prst="line">
            <a:avLst/>
          </a:prstGeom>
          <a:ln w="7620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OTLSHAPE_SLT_a115efa1eddf4eb9adefd0ff0ee6d893_Shape">
            <a:extLst>
              <a:ext uri="{FF2B5EF4-FFF2-40B4-BE49-F238E27FC236}">
                <a16:creationId xmlns:a16="http://schemas.microsoft.com/office/drawing/2014/main" id="{AF324643-B8AC-4769-7009-E47AEBAC3757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1562100" y="2340855"/>
            <a:ext cx="1663700" cy="203200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3" name="OTLSHAPE_SLT_69fe30bc9a27456a8c04449622c951f9_Shape">
            <a:extLst>
              <a:ext uri="{FF2B5EF4-FFF2-40B4-BE49-F238E27FC236}">
                <a16:creationId xmlns:a16="http://schemas.microsoft.com/office/drawing/2014/main" id="{45AF5E61-EE98-4E34-0A47-D2FEC78B6925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2665564" y="2900798"/>
            <a:ext cx="3225800" cy="203200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2" name="OTLSHAPE_SLT_7f2bcedfd4fc4f4da4b578dbe08273fd_Shape">
            <a:extLst>
              <a:ext uri="{FF2B5EF4-FFF2-40B4-BE49-F238E27FC236}">
                <a16:creationId xmlns:a16="http://schemas.microsoft.com/office/drawing/2014/main" id="{87FA1079-0AB5-B2C0-B6DF-FB0A02DB1886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3536560" y="3460741"/>
            <a:ext cx="5334000" cy="217043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0" name="OTLSHAPE_SLT_384d1e118b444cf18a2defa81c1d4473_Shape">
            <a:extLst>
              <a:ext uri="{FF2B5EF4-FFF2-40B4-BE49-F238E27FC236}">
                <a16:creationId xmlns:a16="http://schemas.microsoft.com/office/drawing/2014/main" id="{1B319CDB-660A-A990-A3D5-56F17BA308E9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6155587" y="3741284"/>
            <a:ext cx="2797215" cy="217043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88" name="OTLSHAPE_SLT_d1a53f3535ef4639b47eb9cbdd4bdeb6_Shape">
            <a:extLst>
              <a:ext uri="{FF2B5EF4-FFF2-40B4-BE49-F238E27FC236}">
                <a16:creationId xmlns:a16="http://schemas.microsoft.com/office/drawing/2014/main" id="{E9487629-9C26-5D6F-BA29-3B9D0FBBEB84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8955473" y="4309291"/>
            <a:ext cx="1428155" cy="203200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96" name="OTLSHAPE_SLT_fafe5d592c1746fe995305aa100a68aa_Shape">
            <a:extLst>
              <a:ext uri="{FF2B5EF4-FFF2-40B4-BE49-F238E27FC236}">
                <a16:creationId xmlns:a16="http://schemas.microsoft.com/office/drawing/2014/main" id="{EBC2CC7F-47E6-9009-FD2F-89530AA86044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9863209" y="4589834"/>
            <a:ext cx="428482" cy="203200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12" name="OTLSHAPE_SLT_04229c6590704d32bdb6acfa3b17baf2_Shape">
            <a:extLst>
              <a:ext uri="{FF2B5EF4-FFF2-40B4-BE49-F238E27FC236}">
                <a16:creationId xmlns:a16="http://schemas.microsoft.com/office/drawing/2014/main" id="{5C5A8A08-1906-9F6C-16D3-81878AD16D2A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10186906" y="4883651"/>
            <a:ext cx="424862" cy="203200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23" name="OTLSHAPE_SLT_c9f9aa389b25479e8f607c4815401dde_Shape">
            <a:extLst>
              <a:ext uri="{FF2B5EF4-FFF2-40B4-BE49-F238E27FC236}">
                <a16:creationId xmlns:a16="http://schemas.microsoft.com/office/drawing/2014/main" id="{E46C3813-AE94-B7E3-7351-89811F8A92B6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7076399" y="4021827"/>
            <a:ext cx="2400300" cy="217043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137" name="OTLSHAPE_SLT_b01af582422d4b6db93ad6cd553c1df1_Shape">
            <a:extLst>
              <a:ext uri="{FF2B5EF4-FFF2-40B4-BE49-F238E27FC236}">
                <a16:creationId xmlns:a16="http://schemas.microsoft.com/office/drawing/2014/main" id="{6422166A-BA24-BFA8-EAC7-0D7516495773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10541344" y="5335642"/>
            <a:ext cx="165100" cy="203200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DA8D910B-B606-400E-8EB3-3DCEC2764118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1396999" y="1405500"/>
            <a:ext cx="7035215" cy="381000"/>
          </a:xfrm>
          <a:prstGeom prst="roundRect">
            <a:avLst>
              <a:gd name="adj" fmla="val 10000000"/>
            </a:avLst>
          </a:prstGeom>
          <a:solidFill>
            <a:srgbClr val="2F3699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25" name="OTLSHAPE_SL_acda3f7375a24b7b9912fd1d14f1c10f_Header">
            <a:extLst>
              <a:ext uri="{FF2B5EF4-FFF2-40B4-BE49-F238E27FC236}">
                <a16:creationId xmlns:a16="http://schemas.microsoft.com/office/drawing/2014/main" id="{F1E599E6-8160-6B59-3EFA-AF115ECCD1F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68300" y="2442455"/>
            <a:ext cx="10668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A" sz="1400">
                <a:solidFill>
                  <a:schemeClr val="lt1"/>
                </a:solidFill>
                <a:latin typeface="Calibri" panose="020F0502020204030204" pitchFamily="34" charset="0"/>
              </a:rPr>
              <a:t>ARIEL-I</a:t>
            </a:r>
          </a:p>
        </p:txBody>
      </p:sp>
      <p:sp>
        <p:nvSpPr>
          <p:cNvPr id="28" name="OTLSHAPE_SL_076e4c28842842d382860f511e63292f_Header">
            <a:extLst>
              <a:ext uri="{FF2B5EF4-FFF2-40B4-BE49-F238E27FC236}">
                <a16:creationId xmlns:a16="http://schemas.microsoft.com/office/drawing/2014/main" id="{8D368F04-A48F-E699-9F69-6A8479D26899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368300" y="3017892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A" sz="1200" b="1">
                <a:solidFill>
                  <a:schemeClr val="lt1"/>
                </a:solidFill>
                <a:latin typeface="Calibri" panose="020F0502020204030204" pitchFamily="34" charset="0"/>
              </a:rPr>
              <a:t>CANREB</a:t>
            </a:r>
          </a:p>
        </p:txBody>
      </p:sp>
      <p:sp>
        <p:nvSpPr>
          <p:cNvPr id="31" name="OTLSHAPE_SL_3f4d1495dc214c7781670b442f5f61bf_Header">
            <a:extLst>
              <a:ext uri="{FF2B5EF4-FFF2-40B4-BE49-F238E27FC236}">
                <a16:creationId xmlns:a16="http://schemas.microsoft.com/office/drawing/2014/main" id="{11D0040E-1C69-34E5-2CC4-41A0BE9762BA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368300" y="3836534"/>
            <a:ext cx="1066800" cy="86817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A" sz="1400" b="1">
                <a:solidFill>
                  <a:schemeClr val="lt1"/>
                </a:solidFill>
                <a:latin typeface="Calibri" panose="020F0502020204030204" pitchFamily="34" charset="0"/>
              </a:rPr>
              <a:t>ARIEL-II: Proton &amp; Electron Stations</a:t>
            </a:r>
          </a:p>
        </p:txBody>
      </p:sp>
      <p:sp>
        <p:nvSpPr>
          <p:cNvPr id="133" name="OTLSHAPE_SL_a59d29ee41d742bfaa0110a23085a579_Header">
            <a:extLst>
              <a:ext uri="{FF2B5EF4-FFF2-40B4-BE49-F238E27FC236}">
                <a16:creationId xmlns:a16="http://schemas.microsoft.com/office/drawing/2014/main" id="{1E53C549-8291-B4A0-CEDD-983044393D4F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68300" y="5220199"/>
            <a:ext cx="10668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A" sz="1400" b="1">
                <a:solidFill>
                  <a:schemeClr val="lt1"/>
                </a:solidFill>
                <a:latin typeface="Calibri" panose="020F0502020204030204" pitchFamily="34" charset="0"/>
              </a:rPr>
              <a:t>Therapeutic Isotopes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8C91F1C8-D7B3-4B86-A1BC-DDFE38EF164B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8381478" y="1786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C76E0D34-1A97-374A-11BC-3C527E522519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8255778" y="1913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CA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6690CC3-FC93-FBF1-7A0F-C893C96DB22D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625600" y="148747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26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A157549A-A698-EF8B-1015-F8761FC6FEA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2729064" y="148747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26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B266256B-48E3-596B-6900-42FBA86C5DF3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831018" y="148747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26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0678A599-8622-7A7E-47F5-0CB9D6F079E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4934481" y="148747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26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722FDD88-1624-D675-A7CE-32ECE5BF593D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036435" y="148747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26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4A55EBFC-F9F3-9506-1565-A5FF8FDB1BC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7139899" y="148747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26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D1257290-035E-71B9-8C54-542079008E84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241854" y="148747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26">
                <a:solidFill>
                  <a:schemeClr val="lt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9965AD81-C198-E93A-C992-103D35DA1874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9345317" y="148747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26">
                <a:solidFill>
                  <a:schemeClr val="lt1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48" name="OTLSHAPE_SLT_a115efa1eddf4eb9adefd0ff0ee6d893_Title">
            <a:extLst>
              <a:ext uri="{FF2B5EF4-FFF2-40B4-BE49-F238E27FC236}">
                <a16:creationId xmlns:a16="http://schemas.microsoft.com/office/drawing/2014/main" id="{54C740B2-7A80-ED3E-CE99-1BD170BF4161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562100" y="2544055"/>
            <a:ext cx="35814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i="1" spc="-6">
                <a:solidFill>
                  <a:schemeClr val="dk1"/>
                </a:solidFill>
                <a:latin typeface="Calibri" panose="020F0502020204030204" pitchFamily="34" charset="0"/>
              </a:rPr>
              <a:t>Target Building construction, beam tunnel, e-</a:t>
            </a:r>
            <a:r>
              <a:rPr lang="en-US" sz="1400" i="1" spc="-6" err="1">
                <a:solidFill>
                  <a:schemeClr val="dk1"/>
                </a:solidFill>
                <a:latin typeface="Calibri" panose="020F0502020204030204" pitchFamily="34" charset="0"/>
              </a:rPr>
              <a:t>linac</a:t>
            </a:r>
            <a:endParaRPr lang="en-CA" sz="1400" i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69fe30bc9a27456a8c04449622c951f9_Title">
            <a:extLst>
              <a:ext uri="{FF2B5EF4-FFF2-40B4-BE49-F238E27FC236}">
                <a16:creationId xmlns:a16="http://schemas.microsoft.com/office/drawing/2014/main" id="{FBCD9AB3-4CE4-DD22-6F15-EFBF98D0D2AC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2665564" y="3103998"/>
            <a:ext cx="49403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i="1" spc="-4">
                <a:solidFill>
                  <a:schemeClr val="dk1"/>
                </a:solidFill>
                <a:latin typeface="Calibri" panose="020F0502020204030204" pitchFamily="34" charset="0"/>
              </a:rPr>
              <a:t>charge state breeding and purification for post-acceleration in ISAC II</a:t>
            </a:r>
            <a:endParaRPr lang="en-CA" sz="1400" i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7f2bcedfd4fc4f4da4b578dbe08273fd_Title">
            <a:extLst>
              <a:ext uri="{FF2B5EF4-FFF2-40B4-BE49-F238E27FC236}">
                <a16:creationId xmlns:a16="http://schemas.microsoft.com/office/drawing/2014/main" id="{E4BEEDEA-8099-3235-EDD7-A52F70001A60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5548904" y="3460741"/>
            <a:ext cx="13081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400" b="1" spc="-8">
                <a:solidFill>
                  <a:schemeClr val="dk1"/>
                </a:solidFill>
                <a:latin typeface="Calibri" panose="020F0502020204030204" pitchFamily="34" charset="0"/>
              </a:rPr>
              <a:t>Concept &amp; Design</a:t>
            </a:r>
          </a:p>
        </p:txBody>
      </p:sp>
      <p:sp>
        <p:nvSpPr>
          <p:cNvPr id="87" name="OTLSHAPE_SLT_384d1e118b444cf18a2defa81c1d4473_Title">
            <a:extLst>
              <a:ext uri="{FF2B5EF4-FFF2-40B4-BE49-F238E27FC236}">
                <a16:creationId xmlns:a16="http://schemas.microsoft.com/office/drawing/2014/main" id="{B9994854-6646-0847-CDAB-DCBB7DBF9069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188206" y="3742083"/>
            <a:ext cx="276459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4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hielding Component Installation</a:t>
            </a:r>
          </a:p>
        </p:txBody>
      </p:sp>
      <p:sp>
        <p:nvSpPr>
          <p:cNvPr id="94" name="OTLSHAPE_SLT_d1a53f3535ef4639b47eb9cbdd4bdeb6_Title">
            <a:extLst>
              <a:ext uri="{FF2B5EF4-FFF2-40B4-BE49-F238E27FC236}">
                <a16:creationId xmlns:a16="http://schemas.microsoft.com/office/drawing/2014/main" id="{8FB61C34-8B59-6572-E545-D21692CF17A2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6998232" y="4302370"/>
            <a:ext cx="18923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CA" sz="14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Target Station Installation</a:t>
            </a:r>
          </a:p>
        </p:txBody>
      </p:sp>
      <p:sp>
        <p:nvSpPr>
          <p:cNvPr id="102" name="OTLSHAPE_SLT_fafe5d592c1746fe995305aa100a68aa_Title">
            <a:extLst>
              <a:ext uri="{FF2B5EF4-FFF2-40B4-BE49-F238E27FC236}">
                <a16:creationId xmlns:a16="http://schemas.microsoft.com/office/drawing/2014/main" id="{0E17B970-C6BD-2284-4C21-3B9F17645824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7242731" y="4582913"/>
            <a:ext cx="25527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CA" sz="14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AETE Integration &amp; Commissioning</a:t>
            </a:r>
          </a:p>
        </p:txBody>
      </p:sp>
      <p:sp>
        <p:nvSpPr>
          <p:cNvPr id="118" name="OTLSHAPE_SLT_04229c6590704d32bdb6acfa3b17baf2_Title">
            <a:extLst>
              <a:ext uri="{FF2B5EF4-FFF2-40B4-BE49-F238E27FC236}">
                <a16:creationId xmlns:a16="http://schemas.microsoft.com/office/drawing/2014/main" id="{B0050D39-3F60-E30F-CDCD-BE58DC71F321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7489004" y="4863456"/>
            <a:ext cx="2641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CA" sz="14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APTW Integration &amp; Commissioning</a:t>
            </a:r>
          </a:p>
        </p:txBody>
      </p:sp>
      <p:sp>
        <p:nvSpPr>
          <p:cNvPr id="130" name="OTLSHAPE_SLT_c9f9aa389b25479e8f607c4815401dde_Title">
            <a:extLst>
              <a:ext uri="{FF2B5EF4-FFF2-40B4-BE49-F238E27FC236}">
                <a16:creationId xmlns:a16="http://schemas.microsoft.com/office/drawing/2014/main" id="{2CC8615F-4E52-F2AC-0E9D-D1F10C957527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7074889" y="4025915"/>
            <a:ext cx="240179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14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Beam Line Installations</a:t>
            </a:r>
          </a:p>
        </p:txBody>
      </p:sp>
      <p:sp>
        <p:nvSpPr>
          <p:cNvPr id="143" name="OTLSHAPE_SLT_b01af582422d4b6db93ad6cd553c1df1_Title">
            <a:extLst>
              <a:ext uri="{FF2B5EF4-FFF2-40B4-BE49-F238E27FC236}">
                <a16:creationId xmlns:a16="http://schemas.microsoft.com/office/drawing/2014/main" id="{D1C587DA-CECF-6A37-760C-2EEC7DC4D1DA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952813" y="5220199"/>
            <a:ext cx="1494455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CA" sz="1400" b="1" spc="-26" dirty="0">
                <a:solidFill>
                  <a:schemeClr val="dk1"/>
                </a:solidFill>
                <a:latin typeface="Calibri" panose="020F0502020204030204" pitchFamily="34" charset="0"/>
              </a:rPr>
              <a:t>Integration </a:t>
            </a:r>
          </a:p>
          <a:p>
            <a:pPr algn="r"/>
            <a:r>
              <a:rPr lang="en-CA" sz="1400" b="1" spc="-26" dirty="0">
                <a:solidFill>
                  <a:schemeClr val="dk1"/>
                </a:solidFill>
                <a:latin typeface="Calibri" panose="020F0502020204030204" pitchFamily="34" charset="0"/>
              </a:rPr>
              <a:t>&amp; Commissioning</a:t>
            </a:r>
          </a:p>
        </p:txBody>
      </p:sp>
      <p:sp>
        <p:nvSpPr>
          <p:cNvPr id="66" name="OTLSHAPE_TB_00000000000000000000000000000000_TimescaleInterval9">
            <a:extLst>
              <a:ext uri="{FF2B5EF4-FFF2-40B4-BE49-F238E27FC236}">
                <a16:creationId xmlns:a16="http://schemas.microsoft.com/office/drawing/2014/main" id="{64252E43-0DBD-4EFC-2BFF-6C42330B248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0447271" y="148747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400" spc="-26">
                <a:solidFill>
                  <a:schemeClr val="lt1"/>
                </a:solidFill>
                <a:latin typeface="Calibri" panose="020F0502020204030204" pitchFamily="34" charset="0"/>
              </a:rPr>
              <a:t>2028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F8B2EFC7-1AD9-85B4-873A-1FB77B4B3AF2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2665564" y="14690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C16060F8-C145-2516-ED7F-0302D7398ECF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3767518" y="14690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59B637AE-105A-0763-3AF0-324CDED0EF55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4870981" y="14690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90557B4E-8B2C-5FA9-381C-8D179D35EE28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5972935" y="14690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9D888D2A-1C7D-4E95-73CC-BEC191844F03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7076399" y="14690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0DA08A81-D186-AE75-F589-2B928D7F149F}"/>
              </a:ext>
            </a:extLst>
          </p:cNvPr>
          <p:cNvCxnSpPr/>
          <p:nvPr>
            <p:custDataLst>
              <p:tags r:id="rId126"/>
            </p:custDataLst>
          </p:nvPr>
        </p:nvCxnSpPr>
        <p:spPr>
          <a:xfrm>
            <a:off x="8178354" y="14690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2508EAEB-7C09-9CBC-F0EA-FBFBA4B48146}"/>
              </a:ext>
            </a:extLst>
          </p:cNvPr>
          <p:cNvCxnSpPr/>
          <p:nvPr>
            <p:custDataLst>
              <p:tags r:id="rId127"/>
            </p:custDataLst>
          </p:nvPr>
        </p:nvCxnSpPr>
        <p:spPr>
          <a:xfrm>
            <a:off x="9281817" y="14690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TB_00000000000000000000000000000000_Separator8">
            <a:extLst>
              <a:ext uri="{FF2B5EF4-FFF2-40B4-BE49-F238E27FC236}">
                <a16:creationId xmlns:a16="http://schemas.microsoft.com/office/drawing/2014/main" id="{25F0F3F0-993C-A0D8-5A97-DC6FCADD3DC0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10383771" y="1469000"/>
            <a:ext cx="0" cy="25400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Title 67">
            <a:extLst>
              <a:ext uri="{FF2B5EF4-FFF2-40B4-BE49-F238E27FC236}">
                <a16:creationId xmlns:a16="http://schemas.microsoft.com/office/drawing/2014/main" id="{28682955-A6B1-8C2A-EA52-E5BE05E031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400">
                <a:solidFill>
                  <a:srgbClr val="00B0F0"/>
                </a:solidFill>
                <a:latin typeface="+mn-lt"/>
              </a:rPr>
              <a:t>ARIEL Program Timeline</a:t>
            </a:r>
            <a:endParaRPr lang="en-CA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9164199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Rectangle 45">
            <a:extLst>
              <a:ext uri="{FF2B5EF4-FFF2-40B4-BE49-F238E27FC236}">
                <a16:creationId xmlns:a16="http://schemas.microsoft.com/office/drawing/2014/main" id="{ACE091E8-DA90-FBDD-7A6D-7A6C00A6CC6B}"/>
              </a:ext>
            </a:extLst>
          </p:cNvPr>
          <p:cNvSpPr/>
          <p:nvPr/>
        </p:nvSpPr>
        <p:spPr>
          <a:xfrm>
            <a:off x="16330" y="6877"/>
            <a:ext cx="12192000" cy="6858000"/>
          </a:xfrm>
          <a:prstGeom prst="rect">
            <a:avLst/>
          </a:prstGeom>
          <a:solidFill>
            <a:srgbClr val="00B0F0"/>
          </a:solidFill>
          <a:ln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Picture 3" descr="A picture containing person, person&#10;&#10;Description automatically generated">
            <a:extLst>
              <a:ext uri="{FF2B5EF4-FFF2-40B4-BE49-F238E27FC236}">
                <a16:creationId xmlns:a16="http://schemas.microsoft.com/office/drawing/2014/main" id="{83CB4B1F-0B1B-2A46-C438-DDA747A04E0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926618" y="2340000"/>
            <a:ext cx="2338763" cy="2177562"/>
          </a:xfrm>
          <a:prstGeom prst="rect">
            <a:avLst/>
          </a:prstGeom>
        </p:spPr>
      </p:pic>
      <p:pic>
        <p:nvPicPr>
          <p:cNvPr id="7" name="Picture 6" descr="A picture containing person, indoor, standing&#10;&#10;Description automatically generated">
            <a:extLst>
              <a:ext uri="{FF2B5EF4-FFF2-40B4-BE49-F238E27FC236}">
                <a16:creationId xmlns:a16="http://schemas.microsoft.com/office/drawing/2014/main" id="{C466FAE2-9B4A-FAE8-DDF0-F92B50A35AB2}"/>
              </a:ext>
            </a:extLst>
          </p:cNvPr>
          <p:cNvPicPr>
            <a:picLocks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388" r="27314"/>
          <a:stretch/>
        </p:blipFill>
        <p:spPr>
          <a:xfrm>
            <a:off x="120517" y="94738"/>
            <a:ext cx="2338763" cy="2177562"/>
          </a:xfrm>
          <a:prstGeom prst="rect">
            <a:avLst/>
          </a:prstGeom>
        </p:spPr>
      </p:pic>
      <p:pic>
        <p:nvPicPr>
          <p:cNvPr id="15" name="Picture 14" descr="Men working in a factory&#10;&#10;Description automatically generated with medium confidence">
            <a:extLst>
              <a:ext uri="{FF2B5EF4-FFF2-40B4-BE49-F238E27FC236}">
                <a16:creationId xmlns:a16="http://schemas.microsoft.com/office/drawing/2014/main" id="{072B6156-4864-E55C-9038-37C2F00C8990}"/>
              </a:ext>
            </a:extLst>
          </p:cNvPr>
          <p:cNvPicPr>
            <a:picLocks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051" t="25746" r="37833" b="7290"/>
          <a:stretch/>
        </p:blipFill>
        <p:spPr>
          <a:xfrm>
            <a:off x="4944187" y="4585701"/>
            <a:ext cx="2338763" cy="2177562"/>
          </a:xfrm>
          <a:prstGeom prst="rect">
            <a:avLst/>
          </a:prstGeom>
        </p:spPr>
      </p:pic>
      <p:pic>
        <p:nvPicPr>
          <p:cNvPr id="17" name="Picture 16" descr="A picture containing floor, indoor&#10;&#10;Description automatically generated">
            <a:extLst>
              <a:ext uri="{FF2B5EF4-FFF2-40B4-BE49-F238E27FC236}">
                <a16:creationId xmlns:a16="http://schemas.microsoft.com/office/drawing/2014/main" id="{A8E9A810-C2BE-FD75-2537-5351E8679EBF}"/>
              </a:ext>
            </a:extLst>
          </p:cNvPr>
          <p:cNvPicPr>
            <a:picLocks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611" t="17911" r="20227" b="40493"/>
          <a:stretch/>
        </p:blipFill>
        <p:spPr>
          <a:xfrm>
            <a:off x="9781558" y="2340000"/>
            <a:ext cx="2338763" cy="2177329"/>
          </a:xfrm>
          <a:prstGeom prst="rect">
            <a:avLst/>
          </a:prstGeom>
        </p:spPr>
      </p:pic>
      <p:pic>
        <p:nvPicPr>
          <p:cNvPr id="19" name="Picture 18" descr="A picture containing text, person&#10;&#10;Description automatically generated">
            <a:extLst>
              <a:ext uri="{FF2B5EF4-FFF2-40B4-BE49-F238E27FC236}">
                <a16:creationId xmlns:a16="http://schemas.microsoft.com/office/drawing/2014/main" id="{803DF863-4A30-42B3-2870-D4507DBDA0E9}"/>
              </a:ext>
            </a:extLst>
          </p:cNvPr>
          <p:cNvPicPr>
            <a:picLocks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222" t="24901" r="27269" b="35074"/>
          <a:stretch/>
        </p:blipFill>
        <p:spPr>
          <a:xfrm>
            <a:off x="120517" y="4585701"/>
            <a:ext cx="2338763" cy="2178000"/>
          </a:xfrm>
          <a:prstGeom prst="rect">
            <a:avLst/>
          </a:prstGeom>
        </p:spPr>
      </p:pic>
      <p:pic>
        <p:nvPicPr>
          <p:cNvPr id="27" name="Picture 26" descr="A picture containing indoor&#10;&#10;Description automatically generated">
            <a:extLst>
              <a:ext uri="{FF2B5EF4-FFF2-40B4-BE49-F238E27FC236}">
                <a16:creationId xmlns:a16="http://schemas.microsoft.com/office/drawing/2014/main" id="{ED804A2A-15E8-7551-4292-B061790A2EBB}"/>
              </a:ext>
            </a:extLst>
          </p:cNvPr>
          <p:cNvPicPr>
            <a:picLocks noChangeAspect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873" t="11204" r="35850" b="30841"/>
          <a:stretch/>
        </p:blipFill>
        <p:spPr>
          <a:xfrm>
            <a:off x="7354785" y="94738"/>
            <a:ext cx="2338764" cy="2177329"/>
          </a:xfrm>
          <a:prstGeom prst="rect">
            <a:avLst/>
          </a:prstGeom>
        </p:spPr>
      </p:pic>
      <p:pic>
        <p:nvPicPr>
          <p:cNvPr id="35" name="Picture 34" descr="A picture containing person, indoor&#10;&#10;Description automatically generated">
            <a:extLst>
              <a:ext uri="{FF2B5EF4-FFF2-40B4-BE49-F238E27FC236}">
                <a16:creationId xmlns:a16="http://schemas.microsoft.com/office/drawing/2014/main" id="{017A7B7E-E2DD-F968-7644-A087CFC6049C}"/>
              </a:ext>
            </a:extLst>
          </p:cNvPr>
          <p:cNvPicPr>
            <a:picLocks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5" r="31743" b="-1"/>
          <a:stretch/>
        </p:blipFill>
        <p:spPr>
          <a:xfrm>
            <a:off x="7354786" y="4585701"/>
            <a:ext cx="2338763" cy="2177562"/>
          </a:xfrm>
          <a:prstGeom prst="rect">
            <a:avLst/>
          </a:prstGeom>
        </p:spPr>
      </p:pic>
      <p:pic>
        <p:nvPicPr>
          <p:cNvPr id="37" name="Picture 36" descr="A group of men in a factory&#10;&#10;Description automatically generated with medium confidence">
            <a:extLst>
              <a:ext uri="{FF2B5EF4-FFF2-40B4-BE49-F238E27FC236}">
                <a16:creationId xmlns:a16="http://schemas.microsoft.com/office/drawing/2014/main" id="{DE7BC37E-A677-7826-8463-D0C1B9C9FE70}"/>
              </a:ext>
            </a:extLst>
          </p:cNvPr>
          <p:cNvPicPr>
            <a:picLocks noChangeAspect="1"/>
          </p:cNvPicPr>
          <p:nvPr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180" t="10193" r="42591" b="24518"/>
          <a:stretch/>
        </p:blipFill>
        <p:spPr>
          <a:xfrm>
            <a:off x="7354785" y="2340000"/>
            <a:ext cx="2338764" cy="2177329"/>
          </a:xfrm>
          <a:prstGeom prst="rect">
            <a:avLst/>
          </a:prstGeom>
        </p:spPr>
      </p:pic>
      <p:pic>
        <p:nvPicPr>
          <p:cNvPr id="45" name="Picture 44" descr="A picture containing text, indoor, floor, person&#10;&#10;Description automatically generated">
            <a:extLst>
              <a:ext uri="{FF2B5EF4-FFF2-40B4-BE49-F238E27FC236}">
                <a16:creationId xmlns:a16="http://schemas.microsoft.com/office/drawing/2014/main" id="{253AB7AD-0EFB-7885-70B9-4C76C3C848F1}"/>
              </a:ext>
            </a:extLst>
          </p:cNvPr>
          <p:cNvPicPr>
            <a:picLocks/>
          </p:cNvPicPr>
          <p:nvPr/>
        </p:nvPicPr>
        <p:blipFill rotWithShape="1"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959" t="23274" r="47774" b="39112"/>
          <a:stretch/>
        </p:blipFill>
        <p:spPr>
          <a:xfrm>
            <a:off x="9765383" y="94738"/>
            <a:ext cx="2338763" cy="2178000"/>
          </a:xfrm>
          <a:prstGeom prst="rect">
            <a:avLst/>
          </a:prstGeom>
        </p:spPr>
      </p:pic>
      <p:pic>
        <p:nvPicPr>
          <p:cNvPr id="48" name="Picture 47" descr="A picture containing person, person&#10;&#10;Description automatically generated">
            <a:extLst>
              <a:ext uri="{FF2B5EF4-FFF2-40B4-BE49-F238E27FC236}">
                <a16:creationId xmlns:a16="http://schemas.microsoft.com/office/drawing/2014/main" id="{B2EAD6B6-D3C1-036A-E70A-3C66CA44CEBA}"/>
              </a:ext>
            </a:extLst>
          </p:cNvPr>
          <p:cNvPicPr>
            <a:picLocks/>
          </p:cNvPicPr>
          <p:nvPr/>
        </p:nvPicPr>
        <p:blipFill rotWithShape="1"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959" r="19764" b="15931"/>
          <a:stretch/>
        </p:blipFill>
        <p:spPr>
          <a:xfrm>
            <a:off x="4942950" y="94738"/>
            <a:ext cx="2340000" cy="2178000"/>
          </a:xfrm>
          <a:prstGeom prst="rect">
            <a:avLst/>
          </a:prstGeom>
        </p:spPr>
      </p:pic>
      <p:pic>
        <p:nvPicPr>
          <p:cNvPr id="52" name="Picture 51" descr="A picture containing several, miller&#10;&#10;Description automatically generated">
            <a:extLst>
              <a:ext uri="{FF2B5EF4-FFF2-40B4-BE49-F238E27FC236}">
                <a16:creationId xmlns:a16="http://schemas.microsoft.com/office/drawing/2014/main" id="{BDC3AADB-5825-ED59-6A03-D3D19979E85C}"/>
              </a:ext>
            </a:extLst>
          </p:cNvPr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153" t="43234" r="45079" b="32273"/>
          <a:stretch/>
        </p:blipFill>
        <p:spPr>
          <a:xfrm>
            <a:off x="2531115" y="2340000"/>
            <a:ext cx="2340000" cy="2177328"/>
          </a:xfrm>
          <a:prstGeom prst="rect">
            <a:avLst/>
          </a:prstGeom>
        </p:spPr>
      </p:pic>
      <p:pic>
        <p:nvPicPr>
          <p:cNvPr id="56" name="Picture 55" descr="A picture containing indoor, person, ceiling&#10;&#10;Description automatically generated">
            <a:extLst>
              <a:ext uri="{FF2B5EF4-FFF2-40B4-BE49-F238E27FC236}">
                <a16:creationId xmlns:a16="http://schemas.microsoft.com/office/drawing/2014/main" id="{82676376-2664-03A9-D46E-D1A9A9F0851A}"/>
              </a:ext>
            </a:extLst>
          </p:cNvPr>
          <p:cNvPicPr>
            <a:picLocks/>
          </p:cNvPicPr>
          <p:nvPr/>
        </p:nvPicPr>
        <p:blipFill rotWithShape="1"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837" t="17987" r="19205" b="443"/>
          <a:stretch/>
        </p:blipFill>
        <p:spPr>
          <a:xfrm>
            <a:off x="2531115" y="4585701"/>
            <a:ext cx="2340000" cy="2178000"/>
          </a:xfrm>
          <a:prstGeom prst="rect">
            <a:avLst/>
          </a:prstGeom>
        </p:spPr>
      </p:pic>
      <p:pic>
        <p:nvPicPr>
          <p:cNvPr id="58" name="Picture 57" descr="A picture containing indoor, person, preparing, work-clothing&#10;&#10;Description automatically generated">
            <a:extLst>
              <a:ext uri="{FF2B5EF4-FFF2-40B4-BE49-F238E27FC236}">
                <a16:creationId xmlns:a16="http://schemas.microsoft.com/office/drawing/2014/main" id="{510E6915-A344-29B6-D8EC-45978F16A1F0}"/>
              </a:ext>
            </a:extLst>
          </p:cNvPr>
          <p:cNvPicPr>
            <a:picLocks/>
          </p:cNvPicPr>
          <p:nvPr/>
        </p:nvPicPr>
        <p:blipFill rotWithShape="1"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518" t="-878" r="10818" b="5990"/>
          <a:stretch/>
        </p:blipFill>
        <p:spPr>
          <a:xfrm>
            <a:off x="120517" y="2340000"/>
            <a:ext cx="2338763" cy="2178000"/>
          </a:xfrm>
          <a:prstGeom prst="rect">
            <a:avLst/>
          </a:prstGeom>
        </p:spPr>
      </p:pic>
      <p:pic>
        <p:nvPicPr>
          <p:cNvPr id="65" name="Picture 64">
            <a:extLst>
              <a:ext uri="{FF2B5EF4-FFF2-40B4-BE49-F238E27FC236}">
                <a16:creationId xmlns:a16="http://schemas.microsoft.com/office/drawing/2014/main" id="{19256603-DB94-025D-82C2-3DA677A3A228}"/>
              </a:ext>
            </a:extLst>
          </p:cNvPr>
          <p:cNvPicPr>
            <a:picLocks/>
          </p:cNvPicPr>
          <p:nvPr/>
        </p:nvPicPr>
        <p:blipFill rotWithShape="1">
          <a:blip r:embed="rId16"/>
          <a:srcRect l="25307" t="17695" r="23310" b="19354"/>
          <a:stretch/>
        </p:blipFill>
        <p:spPr>
          <a:xfrm>
            <a:off x="2531115" y="94738"/>
            <a:ext cx="2340000" cy="2178000"/>
          </a:xfrm>
          <a:prstGeom prst="rect">
            <a:avLst/>
          </a:prstGeom>
        </p:spPr>
      </p:pic>
      <p:pic>
        <p:nvPicPr>
          <p:cNvPr id="67" name="Picture 66" descr="A group of people working in a factory&#10;&#10;Description automatically generated with medium confidence">
            <a:extLst>
              <a:ext uri="{FF2B5EF4-FFF2-40B4-BE49-F238E27FC236}">
                <a16:creationId xmlns:a16="http://schemas.microsoft.com/office/drawing/2014/main" id="{7CF80BC6-B756-1827-3099-51E722E43343}"/>
              </a:ext>
            </a:extLst>
          </p:cNvPr>
          <p:cNvPicPr>
            <a:picLocks/>
          </p:cNvPicPr>
          <p:nvPr/>
        </p:nvPicPr>
        <p:blipFill rotWithShape="1"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070" t="21589" b="16157"/>
          <a:stretch/>
        </p:blipFill>
        <p:spPr>
          <a:xfrm>
            <a:off x="9764146" y="4585701"/>
            <a:ext cx="2340000" cy="2178000"/>
          </a:xfrm>
          <a:prstGeom prst="rect">
            <a:avLst/>
          </a:prstGeom>
        </p:spPr>
      </p:pic>
      <p:sp>
        <p:nvSpPr>
          <p:cNvPr id="68" name="TextBox 67">
            <a:extLst>
              <a:ext uri="{FF2B5EF4-FFF2-40B4-BE49-F238E27FC236}">
                <a16:creationId xmlns:a16="http://schemas.microsoft.com/office/drawing/2014/main" id="{164E01E5-2BAE-EF06-5DF5-57B23FE2C761}"/>
              </a:ext>
            </a:extLst>
          </p:cNvPr>
          <p:cNvSpPr txBox="1"/>
          <p:nvPr/>
        </p:nvSpPr>
        <p:spPr>
          <a:xfrm>
            <a:off x="2603981" y="3121223"/>
            <a:ext cx="7160165" cy="615553"/>
          </a:xfrm>
          <a:prstGeom prst="rect">
            <a:avLst/>
          </a:prstGeom>
          <a:solidFill>
            <a:schemeClr val="bg1">
              <a:alpha val="58426"/>
            </a:schemeClr>
          </a:solidFill>
        </p:spPr>
        <p:txBody>
          <a:bodyPr wrap="none" lIns="0" tIns="0" rIns="0" bIns="0" rtlCol="0">
            <a:spAutoFit/>
          </a:bodyPr>
          <a:lstStyle/>
          <a:p>
            <a:r>
              <a:rPr lang="en-US" sz="4000" b="1">
                <a:ln>
                  <a:solidFill>
                    <a:schemeClr val="tx1"/>
                  </a:solidFill>
                </a:ln>
                <a:solidFill>
                  <a:srgbClr val="00B0F0"/>
                </a:solidFill>
              </a:rPr>
              <a:t>The ARIEL facility is taking shape! </a:t>
            </a:r>
          </a:p>
        </p:txBody>
      </p:sp>
    </p:spTree>
    <p:extLst>
      <p:ext uri="{BB962C8B-B14F-4D97-AF65-F5344CB8AC3E}">
        <p14:creationId xmlns:p14="http://schemas.microsoft.com/office/powerpoint/2010/main" val="361961325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AEF6F1-A1E6-6CA7-6646-A607CB5E58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A" dirty="0"/>
              <a:t>Status of ARIEL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5AE92E7-477C-6BF5-9F10-EF49DD012128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320409" y="765680"/>
            <a:ext cx="11145476" cy="4185761"/>
          </a:xfrm>
        </p:spPr>
        <p:txBody>
          <a:bodyPr/>
          <a:lstStyle/>
          <a:p>
            <a:r>
              <a:rPr lang="en-CA" dirty="0"/>
              <a:t>Nominal driver beam parameters achieved, </a:t>
            </a:r>
            <a:br>
              <a:rPr lang="en-CA" dirty="0"/>
            </a:br>
            <a:r>
              <a:rPr lang="en-CA" dirty="0"/>
              <a:t>commissioning in progress.</a:t>
            </a:r>
          </a:p>
          <a:p>
            <a:r>
              <a:rPr lang="en-CA" dirty="0"/>
              <a:t>Target ion source system fully prototyped, tested without beam</a:t>
            </a:r>
            <a:br>
              <a:rPr lang="en-CA" dirty="0"/>
            </a:br>
            <a:r>
              <a:rPr lang="en-CA" dirty="0"/>
              <a:t>and in fabrication</a:t>
            </a:r>
          </a:p>
          <a:p>
            <a:r>
              <a:rPr lang="en-CA" dirty="0"/>
              <a:t>Target hall shielding 92% design completed, </a:t>
            </a:r>
            <a:br>
              <a:rPr lang="en-CA" dirty="0"/>
            </a:br>
            <a:r>
              <a:rPr lang="en-CA" dirty="0"/>
              <a:t>70% installation completed</a:t>
            </a:r>
          </a:p>
          <a:p>
            <a:r>
              <a:rPr lang="en-CA" dirty="0"/>
              <a:t>Hot cell (largest single capital invest) installation completed </a:t>
            </a:r>
          </a:p>
          <a:p>
            <a:r>
              <a:rPr lang="en-CA" dirty="0"/>
              <a:t>200 m of RIB distribution line installed and commissioned</a:t>
            </a:r>
          </a:p>
          <a:p>
            <a:r>
              <a:rPr lang="en-CA" dirty="0"/>
              <a:t>HRS 1/13,0000 mass resolution achieved</a:t>
            </a:r>
          </a:p>
          <a:p>
            <a:r>
              <a:rPr lang="en-CA" dirty="0"/>
              <a:t>Radioactive isotopes from ISAC injected into CANREB, </a:t>
            </a:r>
            <a:br>
              <a:rPr lang="en-CA" dirty="0"/>
            </a:br>
            <a:r>
              <a:rPr lang="en-CA" dirty="0"/>
              <a:t>charge-state boosted and post-accelerated in ISAC II, </a:t>
            </a:r>
            <a:br>
              <a:rPr lang="en-CA" dirty="0"/>
            </a:br>
            <a:r>
              <a:rPr lang="en-CA" dirty="0"/>
              <a:t>issues with EBIS being addressed.</a:t>
            </a: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D431A766-4504-B425-5972-3056AE9CDBC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51770" y="608791"/>
            <a:ext cx="2014150" cy="1510613"/>
          </a:xfrm>
          <a:prstGeom prst="rect">
            <a:avLst/>
          </a:prstGeom>
          <a:noFill/>
          <a:ln w="28575">
            <a:solidFill>
              <a:srgbClr val="00B0F0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384371F7-585F-F0B3-752D-3F0D14670429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2288"/>
          <a:stretch/>
        </p:blipFill>
        <p:spPr>
          <a:xfrm>
            <a:off x="9551769" y="2267269"/>
            <a:ext cx="2014151" cy="1230727"/>
          </a:xfrm>
          <a:prstGeom prst="rect">
            <a:avLst/>
          </a:prstGeom>
          <a:ln w="28575">
            <a:solidFill>
              <a:srgbClr val="00B0F0"/>
            </a:solidFill>
          </a:ln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2868DC7F-FD83-A8F4-9526-99AEB0D29BC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3590"/>
          <a:stretch/>
        </p:blipFill>
        <p:spPr>
          <a:xfrm>
            <a:off x="9551769" y="3645861"/>
            <a:ext cx="2014152" cy="3089710"/>
          </a:xfrm>
          <a:prstGeom prst="rect">
            <a:avLst/>
          </a:prstGeom>
          <a:ln w="28575">
            <a:solidFill>
              <a:srgbClr val="00B0F0"/>
            </a:solidFill>
          </a:ln>
        </p:spPr>
      </p:pic>
      <p:pic>
        <p:nvPicPr>
          <p:cNvPr id="7" name="Picture 6" descr="A picture containing construction, dirty, miller&#10;&#10;Description automatically generated">
            <a:extLst>
              <a:ext uri="{FF2B5EF4-FFF2-40B4-BE49-F238E27FC236}">
                <a16:creationId xmlns:a16="http://schemas.microsoft.com/office/drawing/2014/main" id="{40F3ED1F-8E48-23CA-5079-E32D86A62397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424564" y="5250233"/>
            <a:ext cx="2937739" cy="1471697"/>
          </a:xfrm>
          <a:prstGeom prst="rect">
            <a:avLst/>
          </a:prstGeom>
          <a:ln w="28575">
            <a:solidFill>
              <a:srgbClr val="00B0F0"/>
            </a:solidFill>
          </a:ln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97EF16F7-8295-55D5-15B5-A937CDEAED45}"/>
              </a:ext>
            </a:extLst>
          </p:cNvPr>
          <p:cNvSpPr txBox="1"/>
          <p:nvPr/>
        </p:nvSpPr>
        <p:spPr>
          <a:xfrm>
            <a:off x="9691373" y="1857181"/>
            <a:ext cx="1936171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1400" b="1" dirty="0">
                <a:solidFill>
                  <a:schemeClr val="bg1"/>
                </a:solidFill>
              </a:rPr>
              <a:t>Nominal electron beam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D1662C66-BCFF-30D3-6DF9-46163C0C6D75}"/>
              </a:ext>
            </a:extLst>
          </p:cNvPr>
          <p:cNvSpPr txBox="1"/>
          <p:nvPr/>
        </p:nvSpPr>
        <p:spPr>
          <a:xfrm>
            <a:off x="9716087" y="3253495"/>
            <a:ext cx="186140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1400" b="1" dirty="0"/>
              <a:t>BL4N vault installation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581CA6CF-06D0-093A-000A-033945213AEB}"/>
              </a:ext>
            </a:extLst>
          </p:cNvPr>
          <p:cNvSpPr txBox="1"/>
          <p:nvPr/>
        </p:nvSpPr>
        <p:spPr>
          <a:xfrm>
            <a:off x="6424564" y="6427794"/>
            <a:ext cx="2229906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1400" b="1" dirty="0">
                <a:solidFill>
                  <a:schemeClr val="bg1"/>
                </a:solidFill>
              </a:rPr>
              <a:t>Target shielding installation</a:t>
            </a:r>
          </a:p>
        </p:txBody>
      </p:sp>
      <p:pic>
        <p:nvPicPr>
          <p:cNvPr id="12" name="Picture 11" descr="A large room with many machines&#10;&#10;Description automatically generated">
            <a:extLst>
              <a:ext uri="{FF2B5EF4-FFF2-40B4-BE49-F238E27FC236}">
                <a16:creationId xmlns:a16="http://schemas.microsoft.com/office/drawing/2014/main" id="{6A7CF086-97A7-5565-5211-FF6F087B8D0F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659167" y="5251236"/>
            <a:ext cx="2614568" cy="1470694"/>
          </a:xfrm>
          <a:prstGeom prst="rect">
            <a:avLst/>
          </a:prstGeom>
          <a:ln w="28575">
            <a:solidFill>
              <a:srgbClr val="00B0F0"/>
            </a:solidFill>
          </a:ln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AF202DA5-B3F7-E075-21FE-917170BD7A32}"/>
              </a:ext>
            </a:extLst>
          </p:cNvPr>
          <p:cNvSpPr txBox="1"/>
          <p:nvPr/>
        </p:nvSpPr>
        <p:spPr>
          <a:xfrm>
            <a:off x="3733753" y="6427794"/>
            <a:ext cx="247502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400" b="1" dirty="0">
                <a:solidFill>
                  <a:schemeClr val="bg1"/>
                </a:solidFill>
              </a:rPr>
              <a:t>RIB transport system </a:t>
            </a:r>
          </a:p>
        </p:txBody>
      </p:sp>
      <p:pic>
        <p:nvPicPr>
          <p:cNvPr id="14" name="Picture 2">
            <a:extLst>
              <a:ext uri="{FF2B5EF4-FFF2-40B4-BE49-F238E27FC236}">
                <a16:creationId xmlns:a16="http://schemas.microsoft.com/office/drawing/2014/main" id="{5CD26D24-82D8-F49A-BA68-724ACA67CF9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7311320" y="2661298"/>
            <a:ext cx="2050983" cy="2511406"/>
          </a:xfrm>
          <a:prstGeom prst="rect">
            <a:avLst/>
          </a:prstGeom>
          <a:noFill/>
          <a:ln w="28575">
            <a:solidFill>
              <a:srgbClr val="00B0F0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81C21FF3-D79D-2E05-0A6F-AD98FA99EFA6}"/>
              </a:ext>
            </a:extLst>
          </p:cNvPr>
          <p:cNvSpPr txBox="1"/>
          <p:nvPr/>
        </p:nvSpPr>
        <p:spPr>
          <a:xfrm>
            <a:off x="8188584" y="4864927"/>
            <a:ext cx="1196161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1400" b="1" dirty="0">
                <a:solidFill>
                  <a:schemeClr val="bg1"/>
                </a:solidFill>
              </a:rPr>
              <a:t>ARIEL hot cell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AF37C90E-7957-650E-AB56-531BD462C49F}"/>
              </a:ext>
            </a:extLst>
          </p:cNvPr>
          <p:cNvSpPr txBox="1"/>
          <p:nvPr/>
        </p:nvSpPr>
        <p:spPr>
          <a:xfrm>
            <a:off x="9567461" y="6427794"/>
            <a:ext cx="198772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1400" b="1" dirty="0">
                <a:solidFill>
                  <a:schemeClr val="bg1"/>
                </a:solidFill>
              </a:rPr>
              <a:t>Target system prototype</a:t>
            </a: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1BF2E7A4-6D3C-6E7A-D058-91403C17E1C6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l="29992" t="1701" r="31684"/>
          <a:stretch/>
        </p:blipFill>
        <p:spPr>
          <a:xfrm>
            <a:off x="320409" y="5245902"/>
            <a:ext cx="3185241" cy="1476027"/>
          </a:xfrm>
          <a:prstGeom prst="rect">
            <a:avLst/>
          </a:prstGeom>
          <a:ln w="28575">
            <a:solidFill>
              <a:srgbClr val="00B0F0"/>
            </a:solidFill>
          </a:ln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B8B65E53-1A74-36EF-EC3E-1D7C3043A3C8}"/>
              </a:ext>
            </a:extLst>
          </p:cNvPr>
          <p:cNvSpPr txBox="1"/>
          <p:nvPr/>
        </p:nvSpPr>
        <p:spPr>
          <a:xfrm>
            <a:off x="962668" y="6427794"/>
            <a:ext cx="247502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400" b="1" dirty="0">
                <a:solidFill>
                  <a:schemeClr val="bg1"/>
                </a:solidFill>
              </a:rPr>
              <a:t>ARIEL HRS</a:t>
            </a:r>
          </a:p>
        </p:txBody>
      </p:sp>
      <p:pic>
        <p:nvPicPr>
          <p:cNvPr id="18" name="Picture 4" descr="image">
            <a:extLst>
              <a:ext uri="{FF2B5EF4-FFF2-40B4-BE49-F238E27FC236}">
                <a16:creationId xmlns:a16="http://schemas.microsoft.com/office/drawing/2014/main" id="{1FD14EF8-5F2F-AFBB-A500-125BC02A5C9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1882" r="-10555"/>
          <a:stretch/>
        </p:blipFill>
        <p:spPr bwMode="auto">
          <a:xfrm>
            <a:off x="7265915" y="608791"/>
            <a:ext cx="2118830" cy="1982059"/>
          </a:xfrm>
          <a:prstGeom prst="rect">
            <a:avLst/>
          </a:prstGeom>
          <a:noFill/>
          <a:ln w="28575">
            <a:solidFill>
              <a:srgbClr val="00B0F0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C008AB41-2665-2E55-A64F-C54834415FDF}"/>
              </a:ext>
            </a:extLst>
          </p:cNvPr>
          <p:cNvSpPr txBox="1"/>
          <p:nvPr/>
        </p:nvSpPr>
        <p:spPr>
          <a:xfrm>
            <a:off x="7513775" y="2074797"/>
            <a:ext cx="181690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CA" sz="1400" b="1" dirty="0"/>
              <a:t>Target module design </a:t>
            </a:r>
            <a:br>
              <a:rPr lang="en-CA" sz="1400" b="1" dirty="0"/>
            </a:br>
            <a:r>
              <a:rPr lang="en-CA" sz="1400" b="1" dirty="0"/>
              <a:t>completion</a:t>
            </a:r>
          </a:p>
        </p:txBody>
      </p:sp>
    </p:spTree>
    <p:extLst>
      <p:ext uri="{BB962C8B-B14F-4D97-AF65-F5344CB8AC3E}">
        <p14:creationId xmlns:p14="http://schemas.microsoft.com/office/powerpoint/2010/main" val="27844468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0"/>
                            </p:stCondLst>
                            <p:childTnLst>
                              <p:par>
                                <p:cTn id="8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1000"/>
                            </p:stCondLst>
                            <p:childTnLst>
                              <p:par>
                                <p:cTn id="11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1000"/>
                            </p:stCondLst>
                            <p:childTnLst>
                              <p:par>
                                <p:cTn id="14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1000"/>
                            </p:stCondLst>
                            <p:childTnLst>
                              <p:par>
                                <p:cTn id="26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1000"/>
                            </p:stCondLst>
                            <p:childTnLst>
                              <p:par>
                                <p:cTn id="36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1000"/>
                            </p:stCondLst>
                            <p:childTnLst>
                              <p:par>
                                <p:cTn id="46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8" fill="hold">
                      <p:stCondLst>
                        <p:cond delay="indefinite"/>
                      </p:stCondLst>
                      <p:childTnLst>
                        <p:par>
                          <p:cTn id="49" fill="hold">
                            <p:stCondLst>
                              <p:cond delay="0"/>
                            </p:stCondLst>
                            <p:childTnLst>
                              <p:par>
                                <p:cTn id="5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7" fill="hold">
                            <p:stCondLst>
                              <p:cond delay="1000"/>
                            </p:stCondLst>
                            <p:childTnLst>
                              <p:par>
                                <p:cTn id="58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  <p:bldP spid="13" grpId="0"/>
      <p:bldP spid="10" grpId="0"/>
      <p:bldP spid="15" grpId="0"/>
      <p:bldP spid="17" grpId="0"/>
      <p:bldP spid="19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EyLTAxLTAxVDAwOjAwOjAwWiIsIkVuZERhdGUiOiIyMDE0LTEyLTMxVDIzOjU5OjAwWiIsIlBlcmNlbnRhZ2VDb21wbGV0ZSI6bnVsbCwiU3R5bGUiOnsiJGlkIjoiNyIsIlNoYXBlIjoyLCJTaGFwZVRoaWNrbmVzcyI6MS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pZCI6IjI0IiwiQSI6MCwiUiI6MCwiRyI6MCwiQiI6MH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x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C4wLCJMaW5lVHlwZSI6MCwiUGFyZW50U3R5bGUiOm51bGx9LCJNYXJnaW4iOm51bGwsIlN0YXJ0RGF0ZVBvc2l0aW9uIjo2LCJFbmREYXRlUG9zaXRpb24iOjYsIkRhdGVJc1Zpc2libGUiOmZhbHNlLCJUaXRsZVBvc2l0aW9uIjoxLCJEdXJhdGlvblBvc2l0aW9uIjo2LCJQZXJjZW50YWdlQ29tcGxldGVkUG9zaXRpb24iOjYsIlNwYWNpbmciOjU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5MSwiRyI6MTU1LCJCIjoyMTN9fSwiSXNWaXNpYmxlIjp0cnVlLCJXaWR0aCI6MC4wLCJIZWlnaHQiOjE2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QsIkZvbnROYW1lIjoiQ2FsaWJyaSIsIklzQm9sZCI6ZmFsc2UsIklzSXRhbGljIjp0cnVlLCJJc1VuZGVybGluZWQiOmZhbHNlLCJQYXJlbnRTdHlsZSI6bnVsbH0sIkF1dG9TaXplIjowLCJGb3JlZ3JvdW5kIjp7IiRpZCI6IjQyIiwiQ29sb3IiOnsiJGlkIjoiNDM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MTAsIkZvbnROYW1lIjoiQ2FsaWJyaSIsIklzQm9sZCI6ZmFsc2UsIklzSXRhbGljIjpmYWxzZSwiSXNVbmRlcmxpbmVkIjpmYWxzZSwiUGFyZW50U3R5bGUiOm51bGx9LCJBdXRvU2l6ZSI6MCwiRm9yZWdyb3VuZCI6eyIkaWQiOiI1MSIsIkNvbG9yIjp7IiRpZCI6I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CwiUiI6MjU1LCJHIjoyNTUsIkIiOjI1NX19LCJJc1Zpc2libGUiOnRydWUsIldpZHRoIjowLjAsIkhlaWdodCI6MC4wLCJCb3JkZXJTdHlsZSI6eyIkaWQiOiI1NyIsIkxpbmVDb2xvciI6bnVsbCwiTGluZVdlaWdodCI6MC4wLCJMaW5lVHlwZSI6MCwiUGFyZW50U3R5bGUiOm51bGx9LCJQYXJlbnRTdHlsZSI6bnVsbH0sIkRhdGVGb3JtYXQiOnsiJGlkIjoi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xMjciLCJMaW5lQ29sb3IiOm51bGwsIkxpbmVXZWlnaHQiOjAuMCwiTGluZVR5cGUiOjAsIlBhcmVudFN0eWxlIjpudWxsfSwiUGFyZW50U3R5bGUiOm51bGx9LCJEdXJhdGlvblN0eWxlIjp7IiRpZCI6IjEyOCIsIkZvbnRTZXR0aW5ncyI6eyIkaWQiOiIxMjk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E1IiwiTGluZUNvbG9yIjpudWxsLCJMaW5lV2VpZ2h0IjowLjAsIkxpbmVUeXBlIjowLCJQYXJlbnRTdHlsZSI6bnVsbH0sIlBhcmVudFN0eWxlIjpudWxsfSwiRHVyYXRpb25TdHlsZSI6eyIkaWQiOiIyMTYiLCJGb250U2V0dGluZ3MiOnsiJGlkIjoiMjE3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MTgiLCJMaW5lQ29sb3IiOm51bGwsIkxpbmVXZWlnaHQiOjAuMCwiTGluZVR5cGUiOjAsIlBhcmVudFN0eWxlIjpudWxsfSwiUGFyZW50U3R5bGUiOm51bGx9LCJIb3Jpem9udGFsQ29ubmVjdG9yU3R5bGUiOnsiJGlkIjoiMjE5IiwiTGluZUNvbG9yIjp7IiRyZWYiOiIyNyJ9LCJMaW5lV2VpZ2h0IjoxLjAsIkxpbmVUeXBlIjowLCJQYXJlbnRTdHlsZSI6bnVsbH0sIlZlcnRpY2FsQ29ubmVjdG9yU3R5bGUiOnsiJGlkIjoiMjIw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Q4IiwiTGluZUNvbG9yIjpudWxsLCJMaW5lV2VpZ2h0IjowLjAsIkxpbmVUeXBlIjowLCJQYXJlbnRTdHlsZSI6bnVsbH0sIlBhcmVudFN0eWxlIjpudWxsfSwiRHVyYXRpb25TdHlsZSI6eyIkaWQiOiIyNDkiLCJGb250U2V0dGluZ3MiOnsiJGlkIjoiMjUw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NTEiLCJMaW5lQ29sb3IiOm51bGwsIkxpbmVXZWlnaHQiOjAuMCwiTGluZVR5cGUiOjAsIlBhcmVudFN0eWxlIjpudWxsfSwiUGFyZW50U3R5bGUiOm51bGx9LCJIb3Jpem9udGFsQ29ubmVjdG9yU3R5bGUiOnsiJGlkIjoiMjUyIiwiTGluZUNvbG9yIjp7IiRyZWYiOiIyNyJ9LCJMaW5lV2VpZ2h0IjoxLjAsIkxpbmVUeXBlIjowLCJQYXJlbnRTdHlsZSI6bnVsbH0sIlZlcnRpY2FsQ29ubmVjdG9yU3R5bGUiOnsiJGlkIjoiMjUz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gxIiwiTGluZUNvbG9yIjpudWxsLCJMaW5lV2VpZ2h0IjowLjAsIkxpbmVUeXBlIjowLCJQYXJlbnRTdHlsZSI6bnVsbH0sIlBhcmVudFN0eWxlIjpudWxsfSwiRHVyYXRpb25TdHlsZSI6eyIkaWQiOiIyODIiLCJGb250U2V0dGluZ3MiOnsiJGlkIjoiMjgz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ODQiLCJMaW5lQ29sb3IiOm51bGwsIkxpbmVXZWlnaHQiOjAuMCwiTGluZVR5cGUiOjAsIlBhcmVudFN0eWxlIjpudWxsfSwiUGFyZW50U3R5bGUiOm51bGx9LCJIb3Jpem9udGFsQ29ubmVjdG9yU3R5bGUiOnsiJGlkIjoiMjg1IiwiTGluZUNvbG9yIjp7IiRyZWYiOiIyNyJ9LCJMaW5lV2VpZ2h0IjoxLjAsIkxpbmVUeXBlIjowLCJQYXJlbnRTdHlsZSI6bnVsbH0sIlZlcnRpY2FsQ29ubmVjdG9yU3R5bGUiOnsiJGlkIjoiMjg2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GlkIjoiMzA0IiwiQ29sb3IiOnsiJGlkIjoiMzA1IiwiQSI6MCwiUiI6MCwiRyI6MCwiQiI6MH19LCJJc1Zpc2libGUiOnRydWUsIldpZHRoIjowLjAsIkhlaWdodCI6MC4wLCJCb3JkZXJTdHlsZSI6eyIkaWQiOiIzMDYiLCJMaW5lQ29sb3IiOm51bGwsIkxpbmVXZWlnaHQiOjAuMCwiTGluZVR5cGUiOjAsIlBhcmVudFN0eWxlIjpudWxsfSwiUGFyZW50U3R5bGUiOm51bGx9LCJEYXRlRm9ybWF0Ijp7IiRpZCI6IjM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zE3IiwiTGluZUNvbG9yIjpudWxsLCJMaW5lV2VpZ2h0IjowLjAsIkxpbmVUeXBlIjowLCJQYXJlbnRTdHlsZSI6bnVsbH0sIlBhcmVudFN0eWxlIjpudWxsfSwiRHVyYXRpb25TdHlsZSI6eyIkaWQiOiIzMTgiLCJGb250U2V0dGluZ3MiOnsiJGlkIjoiMzE5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zMjAiLCJMaW5lQ29sb3IiOm51bGwsIkxpbmVXZWlnaHQiOjAuMCwiTGluZVR5cGUiOjAsIlBhcmVudFN0eWxlIjpudWxsfSwiUGFyZW50U3R5bGUiOm51bGx9LCJIb3Jpem9udGFsQ29ubmVjdG9yU3R5bGUiOnsiJGlkIjoiMzIxIiwiTGluZUNvbG9yIjp7IiRyZWYiOiIyNyJ9LCJMaW5lV2VpZ2h0IjoxLjAsIkxpbmVUeXBlIjowLCJQYXJlbnRTdHlsZSI6bnVsbH0sIlZlcnRpY2FsQ29ubmVjdG9yU3R5bGUiOnsiJGlkIjoiMzIyIiwiTGluZUNvbG9yIjp7IiRyZWYiOiIzMC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zUwIiwiTGluZUNvbG9yIjpudWxsLCJMaW5lV2VpZ2h0IjowLjAsIkxpbmVUeXBlIjowLCJQYXJlbnRTdHlsZSI6bnVsbH0sIlBhcmVudFN0eWxlIjpudWxsfSwiRHVyYXRpb25TdHlsZSI6eyIkaWQiOiIzNTEiLCJGb250U2V0dGluZ3MiOnsiJGlkIjoiMzUy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zNTMiLCJMaW5lQ29sb3IiOm51bGwsIkxpbmVXZWlnaHQiOjAuMCwiTGluZVR5cGUiOjAsIlBhcmVudFN0eWxlIjpudWxsfSwiUGFyZW50U3R5bGUiOm51bGx9LCJIb3Jpem9udGFsQ29ubmVjdG9yU3R5bGUiOnsiJGlkIjoiMzU0IiwiTGluZUNvbG9yIjp7IiRyZWYiOiIyNyJ9LCJMaW5lV2VpZ2h0IjoxLjAsIkxpbmVUeXBlIjowLCJQYXJlbnRTdHlsZSI6bnVsbH0sIlZlcnRpY2FsQ29ubmVjdG9yU3R5bGUiOnsiJGlkIjoiMzU1IiwiTGluZUNvbG9yIjp7IiRyZWYiOiIzMC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zODMiLCJMaW5lQ29sb3IiOm51bGwsIkxpbmVXZWlnaHQiOjAuMCwiTGluZVR5cGUiOjAsIlBhcmVudFN0eWxlIjpudWxsfSwiUGFyZW50U3R5bGUiOm51bGx9LCJEdXJhdGlvblN0eWxlIjp7IiRpZCI6IjM4NCIsIkZvbnRTZXR0aW5ncyI6eyIkaWQiOiIzODU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M4NiIsIkxpbmVDb2xvciI6bnVsbCwiTGluZVdlaWdodCI6MC4wLCJMaW5lVHlwZSI6MCwiUGFyZW50U3R5bGUiOm51bGx9LCJQYXJlbnRTdHlsZSI6bnVsbH0sIkhvcml6b250YWxDb25uZWN0b3JTdHlsZSI6eyIkaWQiOiIzODciLCJMaW5lQ29sb3IiOnsiJHJlZiI6IjI3In0sIkxpbmVXZWlnaHQiOjEuMCwiTGluZVR5cGUiOjAsIlBhcmVudFN0eWxlIjpudWxsfSwiVmVydGljYWxDb25uZWN0b3JTdHlsZSI6eyIkaWQiOiIzODgiLCJMaW5lQ29sb3IiOnsiJHJlZiI6IjMw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NDQifSwiUGFkZGluZyI6eyIkcmVmIjoiNDUifSwiQmFja2dyb3VuZCI6eyIkaWQiOiIzOTciLCJDb2xvciI6eyIkaWQiOiIzOTgiLCJBIjowLCJSIjoyNTUsIkciOjI1NSwiQiI6MjU1fX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hbGlicmkiLCJJc0JvbGQiOmZhbHNlLCJJc0l0YWxpYyI6ZmFsc2UsIklzVW5kZXJsaW5lZCI6ZmFsc2UsIlBhcmVudFN0eWxlIjpudWxsfSwiQXV0b1NpemUiOjAsIkZvcmVncm91bmQiOnsiJGlkIjoiNDAyIiwiQ29sb3IiOnsiJGlkIjoiNDA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DcxIiwiTGluZUNvbG9yIjpudWxsLCJMaW5lV2VpZ2h0IjowLjAsIkxpbmVUeXBlIjowLCJQYXJlbnRTdHlsZSI6bnVsbH0sIlBhcmVudFN0eWxlIjpudWxsfSwiRHVyYXRpb25TdHlsZSI6eyIkaWQiOiI0NzIiLCJGb250U2V0dGluZ3MiOnsiJGlkIjoiNDcz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0NzQiLCJMaW5lQ29sb3IiOm51bGwsIkxpbmVXZWlnaHQiOjAuMCwiTGluZVR5cGUiOjAsIlBhcmVudFN0eWxlIjpudWxsfSwiUGFyZW50U3R5bGUiOm51bGx9LCJIb3Jpem9udGFsQ29ubmVjdG9yU3R5bGUiOnsiJGlkIjoiNDc1IiwiTGluZUNvbG9yIjp7IiRyZWYiOiIyNyJ9LCJMaW5lV2VpZ2h0IjoxLjAsIkxpbmVUeXBlIjowLCJQYXJlbnRTdHlsZSI6bnVsbH0sIlZlcnRpY2FsQ29ubmVjdG9yU3R5bGUiOnsiJGlkIjoiNDc2IiwiTGluZUNvbG9yIjp7IiRyZWYiOiIzMC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ODAiLCJUb3AiOjAuMCwiTGVmdCI6MC4wLCJSaWdodCI6MC4wLCJCb3R0b20iOjAuMH0sIlBhZGRpbmciOnsiJGlkIjoiNjgxIiwiVG9wIjowLjAsIkxlZnQiOjAuMCwiUmlnaHQiOjAuMCwiQm90dG9tIjowLjB9LCJCYWNrZ3JvdW5kIjp7IiRpZCI6IjY4MiIsIkNvbG9yIjp7IiRpZCI6IjY4MyIsIkEiOjAsIlIiOjAsIkciOjAsIkIiOjB9fSwiSXNWaXNpYmxlIjp0cnVlLCJXaWR0aCI6MC4wLCJIZWlnaHQiOjAuMCwiQm9yZGVyU3R5bGUiOm51bGwsIlBhcmVudFN0eWxlIjpudWxsfSwiRGF0ZUZvcm1hdCI6eyIkaWQiOiI2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1IiwiRm9ybWF0IjowLCJJc1Zpc2libGUiOmZhbHNlLCJMYXN0S25vd25WaXNpYmlsaXR5U3RhdGUiOmZhbHNlfSwiSXNWaXNpYmxlIjp0cnVlLCJQYXJlbnRTdHlsZSI6bnVsbH0sIkRlZmF1bHRUYXNrU3R5bGUiOnsiJGlkIjoiNjg2IiwiU2hhcGUiOjIsIlNoYXBlVGhpY2tuZXNzIjoxLCJEdXJhdGlvbkZvcm1hdCI6MCwiSW5jbHVkZU5vbldvcmtpbmdEYXlzSW5EdXJhdGlvbiI6ZmFsc2UsIlBlcmNlbnRhZ2VDb21wbGV0ZVN0eWxlIjp7IiRpZCI6IjY4NyIsIkZvbnRTZXR0aW5ncyI6eyIkaWQiOiI2OD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udWxsLCJQYXJlbnRTdHlsZSI6bnVsbH0sIkR1cmF0aW9uU3R5bGUiOnsiJGlkIjoiNjg5IiwiRm9udFNldHRpbmdzIjp7IiRpZCI6IjY5M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m51bGwsIlBhcmVudFN0eWxlIjpudWxsfSwiSG9yaXpvbnRhbENvbm5lY3RvclN0eWxlIjp7IiRpZCI6IjY5MSIsIkxpbmVDb2xvciI6eyIkcmVmIjoiMjcifSwiTGluZVdlaWdodCI6MS4wLCJMaW5lVHlwZSI6MCwiUGFyZW50U3R5bGUiOm51bGx9LCJWZXJ0aWNhbENvbm5lY3RvclN0eWxlIjp7IiRpZCI6IjY5MiIsIkxpbmVDb2xvciI6eyIkcmVmIjoiMzA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3MDMiLCJDb2xvciI6eyIkaWQiOiI3MDQiLCJBIjowLCJSIjowLCJHIjowLCJCIjowfX0sIklzVmlzaWJsZSI6dHJ1ZSwiV2lkdGgiOjAuMCwiSGVpZ2h0IjowLjAsIkJvcmRlclN0eWxlIjpudWxsLCJQYXJlbnRTdHlsZSI6bnVsbH0sIkRhdGVTdHlsZSI6eyIkaWQiOiI3MDUiLCJGb250U2V0dGluZ3MiOnsiJGlkIjoiNzA2IiwiRm9udFNpemUiOjEwLCJGb250TmFtZSI6IkNhbGlicmkiLCJJc0JvbGQiOmZhbHNlLCJJc0l0YWxpYyI6ZmFsc2UsIklzVW5kZXJsaW5lZCI6ZmFsc2UsIlBhcmVudFN0eWxlIjpudWxsfSwiQXV0b1NpemUiOjAsIkZvcmVncm91bmQiOnsiJHJlZiI6IjMwMiJ9LCJNYXhXaWR0aCI6MjA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MzA0In0sIklzVmlzaWJsZSI6dHJ1ZSwiV2lkdGgiOjAuMCwiSGVpZ2h0IjowLjAsIkJvcmRlclN0eWxlIjpudWxsLCJQYXJlbnRTdHlsZSI6bnVsbH0sIkRhdGVGb3JtYXQiOnsiJGlkIjoiNz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OCIsIkZvcm1hdCI6MCwiSXNWaXNpYmxlIjpmYWxzZSwiTGFzdEtub3duVmlzaWJpbGl0eVN0YXRlIjpmYWxzZX0sIklzVmlzaWJsZSI6dHJ1ZSwiUGFyZW50U3R5bGUiOm51bGwsIl9leHBsaWNpdGx5U2V0Ijp7IiRpZCI6Ijcw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3NiIsIlRvcCI6MC4wLCJMZWZ0IjowLjAsIlJpZ2h0IjowLjAsIkJvdHRvbSI6MC4wfSwiUGFkZGluZyI6eyIkaWQiOiI3NzciLCJUb3AiOjAuMCwiTGVmdCI6MC4wLCJSaWdodCI6MC4wLCJCb3R0b20iOjAuMH0sIkJhY2tncm91bmQiOnsiJGlkIjoiNzc4IiwiQ29sb3IiOnsiJGlkIjoiNzc5IiwiQSI6MCwiUiI6MCwiRyI6MCwiQiI6MH19LCJJc1Zpc2libGUiOnRydWUsIldpZHRoIjowLjAsIkhlaWdodCI6MC4wLCJCb3JkZXJTdHlsZSI6eyIkaWQiOiI3ODAiLCJMaW5lQ29sb3IiOm51bGwsIkxpbmVXZWlnaHQiOjAuMCwiTGluZVR5cGUiOjAsIlBhcmVudFN0eWxlIjpudWxsfSwiUGFyZW50U3R5bGUiOm51bGx9LCJEYXRlRm9ybWF0Ijp7IiRpZCI6Ijc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1LjAsXCJMZWZ0XCI6MTMuMCxcIlJpZ2h0XCI6MTMuMCxcIkJvdHRvbVwiOjUuMH0sXCJCYWNrZ3JvdW5kXCI6e1wiJGlkXCI6XCIxNlwiLFwiQ29sb3JcIjp7XCIkaWRcIjpcIjE3XCIsXCJBXCI6MjU1LFwiUlwiOjY4LFwiR1wiOjg0LFwiQlwiOjEwNn19LFwiSXNWaXNpYmxlXCI6dHJ1ZSxcIldpZHRoXCI6ODU4LjAsXCJIZWlnaHRcIjoz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1LjAsXCJMZWZ0XCI6MTMuMCxcIlJpZ2h0XCI6MTMuMCxcIkJvdHRvbVwiOjUuMH0sXCJCYWNrZ3JvdW5kXCI6e1wiJGlkXCI6XCIyNFwiLFwiQ29sb3JcIjp7XCIkaWRcIjpcIjI1XCIsXCJBXCI6MjU1LFwiUlwiOjY4LFwiR1wiOjg0LFwiQlwiOjEwNn19LFwiSXNWaXNpYmxlXCI6dHJ1ZSxcIldpZHRoXCI6ODU4LjAsXCJIZWlnaHRcIjoz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NC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Q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0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c3LFwiUlwiOjI1NSxcIkdcIjowLFwiQlwiOjB9fSxcIkFwcGVuZFllYXJPblllYXJDaGFuZ2VcIjp0cnVlLFwiRWxhcHNlZFRpbWVGb3JtYXRcIjoxLFwiVG9kYXlNYXJrZXJQb3NpdGlvblwiOjMsXCJRdWlja1Bvc2l0aW9uXCI6MSxcIkFic29sdXRlUG9zaXRpb25cIjoyNDA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xMTUsXCJHXCI6MTE1LFwiQlwiOjExNX19LFwiSXNWaXNpYmxlXCI6dHJ1ZSxcIldpZHRoXCI6MC4wLFwiSGVpZ2h0XCI6MC4wLFwiQm9yZGVyU3R5bGVcIjpudWxsfSxcIkRlZmF1bHRNaWxlc3RvbmVTdHlsZVwiOntcIiRpZFwiOlwiODVcIixcIlNoYXBlXCI6MC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MxLFwiR1wiOjczLFwiQlwiOjEyNn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OC4wLFwiSGVpZ2h0XCI6MjA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IsXCJTaGFwZVRoaWNrbmVzc1wiOjE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Q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Y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E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3ODkiLCJVc2VUaW1lIjpmYWxzZSwiV29ya0RheVN0YXJ0IjoiMDA6MDA6MDAiLCJXb3JrRGF5RW5kIjoiMjM6NTk6MDAifSwiTGFzdFVzZWRUZW1wbGF0ZUlkIjoiYzExZjZmNDktN2RiOC00NWZkLWJhMzItYmZjYWVhNDkyZjM5IiwiRmlyc3RXZWVrT2ZZZWFyIjowLCJQbGFjZU1pbGVzdG9uZUF0VGhlQmVnaW5uaW5nT2ZUaGVEYXkiOmZhbHNlLCJEZXBlbmRlbmN5U2NoZWR1bGluZ1NldHRpbmdzIjp7IiRpZCI6Ijc5M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HAPETYPE" val="EllipseTimeband"/>
  <p:tag name="OTLTIMEBANDSHAPEHEIGHT" val="30"/>
  <p:tag name="OTLTIMEBANDSHAPEPADDINGLEFT" val="13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TYPE" val="Years"/>
  <p:tag name="OTLTIMEBANDSCALEFORMAT" val="MMM"/>
  <p:tag name="OTLLEFTENDCAPSMARGINLEFT" val="39.5066666666667"/>
  <p:tag name="OTLTIMEBANDQUICKPOSITION" val="Custom"/>
  <p:tag name="OTLTIMEBANDENDDATE" val="2028-02-13T23:59:00.0000000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2-01-01T00:00:00.0000000Z"/>
  <p:tag name="OTLENDDATE" val="2014-12-31T23:59:00.0000000Z"/>
  <p:tag name="OTLDURATIONFORMAT" val="day"/>
  <p:tag name="OTLSPACING" val="5"/>
  <p:tag name="OTLSHAPETHICKNESSTYPE" val="Regular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4-01-01T00:00:00.0000000Z"/>
  <p:tag name="OTLENDDATE" val="2019-11-01T23:59:00.0000000Z"/>
  <p:tag name="OTLDURATIONFORMAT" val="day"/>
  <p:tag name="OTLSPACING" val="5"/>
  <p:tag name="OTLSHAPETHICKNESSTYPE" val="Regular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5-04-01T23:59:00.0000000Z"/>
  <p:tag name="OTLDURATIONFORMAT" val="day"/>
  <p:tag name="OTLSPACING" val="5"/>
  <p:tag name="OTLSHAPETHICKNESSTYPE" val="Regular"/>
  <p:tag name="OTLSTARTDATE" val="2015-08-01T00:00:00.0000000Z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5-01T00:00:00.0000000Z"/>
  <p:tag name="OTLDURATIONFORMAT" val="day"/>
  <p:tag name="OTLSPACING" val="5"/>
  <p:tag name="OTLSHAPETHICKNESSTYPE" val="Regular"/>
  <p:tag name="OTLENDDATE" val="2024-12-27T23:59:00.0000000Z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5-01-01T00:00:00.0000000Z"/>
  <p:tag name="OTLENDDATE" val="2026-02-24T23:59:00.0000000Z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6-02-01T00:00:00.0000000Z"/>
  <p:tag name="OTLENDDATE" val="2026-10-02T23:59:00.0000000Z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7-06-30T00:00:00.0000000Z"/>
  <p:tag name="OTLENDDATE" val="2027-12-31T23:59:00.0000000Z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Z"/>
  <p:tag name="OTLENDDATE" val="2026-05-01T23:59:00.0000000Z"/>
  <p:tag name="OTLDURATIONFORMAT" val="day"/>
  <p:tag name="OTLSPACING" val="5"/>
  <p:tag name="OTLSHAPETHICKNESSTYPE" val="Regular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7-11-01T00:00:00.0000000Z"/>
  <p:tag name="OTLENDDATE" val="2028-02-13T23:59:00.0000000Z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Office">
    <a:majorFont>
      <a:latin typeface="Aptos Display" panose="0211000402020202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Aptos Narrow" panose="0211000402020202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Office">
    <a:majorFont>
      <a:latin typeface="Aptos Display" panose="0211000402020202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Aptos Narrow" panose="0211000402020202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3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Office">
    <a:majorFont>
      <a:latin typeface="Aptos Display" panose="0211000402020202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Aptos Narrow" panose="0211000402020202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4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Office">
    <a:majorFont>
      <a:latin typeface="Aptos Display" panose="0211000402020202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Aptos Narrow" panose="0211000402020202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5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Office">
    <a:majorFont>
      <a:latin typeface="Aptos Display" panose="0211000402020202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Aptos Narrow" panose="0211000402020202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CF5D2946-03A6-4BF0-92CB-9BFD33239FF7}">
  <we:reference id="4b785c87-866c-4bad-85d8-5d1ae467ac9a" version="3.1.0.0" store="EXCatalog" storeType="EXCatalog"/>
  <we:alternateReferences>
    <we:reference id="WA104381909" version="3.1.0.0" store="en-CA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eda07789-38b1-46ee-8bcf-54016269a503">
      <UserInfo>
        <DisplayName>Peter Bayliss</DisplayName>
        <AccountId>12</AccountId>
        <AccountType/>
      </UserInfo>
      <UserInfo>
        <DisplayName>Alexander Gottberg</DisplayName>
        <AccountId>10</AccountId>
        <AccountType/>
      </UserInfo>
    </SharedWithUsers>
    <TaxCatchAll xmlns="eda07789-38b1-46ee-8bcf-54016269a503" xsi:nil="true"/>
    <lcf76f155ced4ddcb4097134ff3c332f xmlns="dce16e73-9ace-4c75-91da-503e8264b7ea">
      <Terms xmlns="http://schemas.microsoft.com/office/infopath/2007/PartnerControls"/>
    </lcf76f155ced4ddcb4097134ff3c332f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5BC2989382E91746962F0C859D7503F4" ma:contentTypeVersion="11" ma:contentTypeDescription="Create a new document." ma:contentTypeScope="" ma:versionID="301c504a5f4f4757cb9e41e92999c30d">
  <xsd:schema xmlns:xsd="http://www.w3.org/2001/XMLSchema" xmlns:xs="http://www.w3.org/2001/XMLSchema" xmlns:p="http://schemas.microsoft.com/office/2006/metadata/properties" xmlns:ns2="dce16e73-9ace-4c75-91da-503e8264b7ea" xmlns:ns3="eda07789-38b1-46ee-8bcf-54016269a503" targetNamespace="http://schemas.microsoft.com/office/2006/metadata/properties" ma:root="true" ma:fieldsID="57b27b508d2347f18ed4975c110c3b21" ns2:_="" ns3:_="">
    <xsd:import namespace="dce16e73-9ace-4c75-91da-503e8264b7ea"/>
    <xsd:import namespace="eda07789-38b1-46ee-8bcf-54016269a503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lcf76f155ced4ddcb4097134ff3c332f" minOccurs="0"/>
                <xsd:element ref="ns3:TaxCatchAll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ce16e73-9ace-4c75-91da-503e8264b7ea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lcf76f155ced4ddcb4097134ff3c332f" ma:index="13" nillable="true" ma:taxonomy="true" ma:internalName="lcf76f155ced4ddcb4097134ff3c332f" ma:taxonomyFieldName="MediaServiceImageTags" ma:displayName="Image Tags" ma:readOnly="false" ma:fieldId="{5cf76f15-5ced-4ddc-b409-7134ff3c332f}" ma:taxonomyMulti="true" ma:sspId="dae3b54c-c226-4f74-9573-cd9558e4dc03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15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bjectDetectorVersions" ma:index="18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da07789-38b1-46ee-8bcf-54016269a503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14" nillable="true" ma:displayName="Taxonomy Catch All Column" ma:hidden="true" ma:list="{01ab4e39-232e-4db6-8478-c775f95c62d5}" ma:internalName="TaxCatchAll" ma:showField="CatchAllData" ma:web="eda07789-38b1-46ee-8bcf-54016269a503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30EF0098-8D15-4C54-89BD-E641737C3864}">
  <ds:schemaRefs>
    <ds:schemaRef ds:uri="http://purl.org/dc/terms/"/>
    <ds:schemaRef ds:uri="http://www.w3.org/XML/1998/namespace"/>
    <ds:schemaRef ds:uri="dce16e73-9ace-4c75-91da-503e8264b7ea"/>
    <ds:schemaRef ds:uri="http://schemas.microsoft.com/office/2006/documentManagement/types"/>
    <ds:schemaRef ds:uri="http://purl.org/dc/elements/1.1/"/>
    <ds:schemaRef ds:uri="http://purl.org/dc/dcmitype/"/>
    <ds:schemaRef ds:uri="http://schemas.microsoft.com/office/infopath/2007/PartnerControls"/>
    <ds:schemaRef ds:uri="http://schemas.openxmlformats.org/package/2006/metadata/core-properties"/>
    <ds:schemaRef ds:uri="eda07789-38b1-46ee-8bcf-54016269a503"/>
    <ds:schemaRef ds:uri="http://schemas.microsoft.com/office/2006/metadata/properties"/>
  </ds:schemaRefs>
</ds:datastoreItem>
</file>

<file path=customXml/itemProps2.xml><?xml version="1.0" encoding="utf-8"?>
<ds:datastoreItem xmlns:ds="http://schemas.openxmlformats.org/officeDocument/2006/customXml" ds:itemID="{7391D736-B819-4423-B5FF-6FC1C1523F3C}">
  <ds:schemaRefs>
    <ds:schemaRef ds:uri="dce16e73-9ace-4c75-91da-503e8264b7ea"/>
    <ds:schemaRef ds:uri="eda07789-38b1-46ee-8bcf-54016269a503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FF22FD6E-DC23-4753-90AB-83564AE2DF76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6219</TotalTime>
  <Words>2881</Words>
  <Application>Microsoft Macintosh PowerPoint</Application>
  <PresentationFormat>Widescreen</PresentationFormat>
  <Paragraphs>471</Paragraphs>
  <Slides>37</Slides>
  <Notes>15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7</vt:i4>
      </vt:variant>
    </vt:vector>
  </HeadingPairs>
  <TitlesOfParts>
    <vt:vector size="44" baseType="lpstr">
      <vt:lpstr>-webkit-standard</vt:lpstr>
      <vt:lpstr>Aptos</vt:lpstr>
      <vt:lpstr>Arial</vt:lpstr>
      <vt:lpstr>Calibri</vt:lpstr>
      <vt:lpstr>Verdana</vt:lpstr>
      <vt:lpstr>Wingdings</vt:lpstr>
      <vt:lpstr>Office Theme</vt:lpstr>
      <vt:lpstr>ARIEL Completion Timeline, Sequencing, 5Y Scenarios   PSD BAE Retreat</vt:lpstr>
      <vt:lpstr>PowerPoint Presentation</vt:lpstr>
      <vt:lpstr>PowerPoint Presentation</vt:lpstr>
      <vt:lpstr>PowerPoint Presentation</vt:lpstr>
      <vt:lpstr>An Independent Driver for TRIUMF’s Rare Isotope Program</vt:lpstr>
      <vt:lpstr>ARIEL Scope</vt:lpstr>
      <vt:lpstr>ARIEL Program Timeline</vt:lpstr>
      <vt:lpstr>PowerPoint Presentation</vt:lpstr>
      <vt:lpstr>Status of ARIEL</vt:lpstr>
      <vt:lpstr>PowerPoint Presentation</vt:lpstr>
      <vt:lpstr>Preparation of three 5YP scenarios</vt:lpstr>
      <vt:lpstr>Shutdown (Scenario 2) and Beam Operation Considerations – Lab Wide</vt:lpstr>
      <vt:lpstr>Current ARIEL Programme Critical Path</vt:lpstr>
      <vt:lpstr>Programme Acceleration Opportunity in Scenario 2 </vt:lpstr>
      <vt:lpstr>Programme Acceleration Opportunity</vt:lpstr>
      <vt:lpstr>Resource Requirements</vt:lpstr>
      <vt:lpstr>Additional Requirements</vt:lpstr>
      <vt:lpstr>PowerPoint Presentation</vt:lpstr>
      <vt:lpstr>Baseline – ISAC Continues in Current Mode of Operation</vt:lpstr>
      <vt:lpstr>Scenario 2 – 2026 Shutdown – Comparison with ISAC Generated RIB alone</vt:lpstr>
      <vt:lpstr>Scenario 2 – 2026 Shutdown – Factoring in Additional RIB Hours from ARIEL</vt:lpstr>
      <vt:lpstr>PowerPoint Presentation</vt:lpstr>
      <vt:lpstr>Projecting ARIEL AETE Yields</vt:lpstr>
      <vt:lpstr>Projecting ARIEL AETE Yields</vt:lpstr>
      <vt:lpstr>ARIEL AETE and APTW Projected Yields</vt:lpstr>
      <vt:lpstr>Next Steps</vt:lpstr>
      <vt:lpstr>PowerPoint Presentation</vt:lpstr>
      <vt:lpstr>ARIEL Targetry Systems</vt:lpstr>
      <vt:lpstr>RIBs Availability from all ISAC Targets Over the Years</vt:lpstr>
      <vt:lpstr>Origin of the Areas of Poor Isotope Release</vt:lpstr>
      <vt:lpstr>ISAC Isotope Extraction Efficiency</vt:lpstr>
      <vt:lpstr>ISAC Isotope Extraction Efficiency</vt:lpstr>
      <vt:lpstr>Electron-Driven ISOL Challenges</vt:lpstr>
      <vt:lpstr>ARIEL Program Organisation Chart</vt:lpstr>
      <vt:lpstr>ARIEL CFI Projects Objectives</vt:lpstr>
      <vt:lpstr>ARIEL CFI Projects Objectives</vt:lpstr>
      <vt:lpstr>Hub for Training and R&amp;D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LM  Nov. 27, 2020</dc:title>
  <dc:creator>Bob Laxdal</dc:creator>
  <cp:lastModifiedBy>Alexander Gottberg</cp:lastModifiedBy>
  <cp:revision>4</cp:revision>
  <cp:lastPrinted>2023-10-25T23:05:19Z</cp:lastPrinted>
  <dcterms:created xsi:type="dcterms:W3CDTF">2020-11-27T23:42:20Z</dcterms:created>
  <dcterms:modified xsi:type="dcterms:W3CDTF">2024-05-24T04:45:2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5BC2989382E91746962F0C859D7503F4</vt:lpwstr>
  </property>
  <property fmtid="{D5CDD505-2E9C-101B-9397-08002B2CF9AE}" pid="3" name="xd_Signature">
    <vt:bool>false</vt:bool>
  </property>
  <property fmtid="{D5CDD505-2E9C-101B-9397-08002B2CF9AE}" pid="4" name="xd_ProgID">
    <vt:lpwstr/>
  </property>
  <property fmtid="{D5CDD505-2E9C-101B-9397-08002B2CF9AE}" pid="5" name="ComplianceAssetId">
    <vt:lpwstr/>
  </property>
  <property fmtid="{D5CDD505-2E9C-101B-9397-08002B2CF9AE}" pid="6" name="TemplateUrl">
    <vt:lpwstr/>
  </property>
  <property fmtid="{D5CDD505-2E9C-101B-9397-08002B2CF9AE}" pid="7" name="_ExtendedDescription">
    <vt:lpwstr/>
  </property>
  <property fmtid="{D5CDD505-2E9C-101B-9397-08002B2CF9AE}" pid="8" name="MediaServiceImageTags">
    <vt:lpwstr/>
  </property>
</Properties>
</file>